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601"/>
  <workbookPr codeName="ThisWorkbook"/>
  <mc:AlternateContent xmlns:mc="http://schemas.openxmlformats.org/markup-compatibility/2006">
    <mc:Choice Requires="x15">
      <x15ac:absPath xmlns:x15ac="http://schemas.microsoft.com/office/spreadsheetml/2010/11/ac" url="C:\Users\s137539\Desktop\"/>
    </mc:Choice>
  </mc:AlternateContent>
  <xr:revisionPtr revIDLastSave="0" documentId="13_ncr:1_{995BE0F5-4C59-4A82-8286-C246E3F64A97}" xr6:coauthVersionLast="47" xr6:coauthVersionMax="47" xr10:uidLastSave="{00000000-0000-0000-0000-000000000000}"/>
  <bookViews>
    <workbookView xWindow="-120" yWindow="-120" windowWidth="20730" windowHeight="11160" tabRatio="703" activeTab="2" xr2:uid="{00000000-000D-0000-FFFF-FFFF00000000}"/>
  </bookViews>
  <sheets>
    <sheet name="Note (Japanese)" sheetId="61" r:id="rId1"/>
    <sheet name="Note (English)" sheetId="62" r:id="rId2"/>
    <sheet name="A.RoHS" sheetId="32" r:id="rId3"/>
    <sheet name="B.Others" sheetId="46" r:id="rId4"/>
    <sheet name="C.Candidate" sheetId="60" r:id="rId5"/>
    <sheet name="D.Part 2 " sheetId="63" r:id="rId6"/>
    <sheet name="A (appendix).RoHS" sheetId="59" r:id="rId7"/>
    <sheet name="B (appendix).Others" sheetId="37" r:id="rId8"/>
    <sheet name="D (appendix).Part 2" sheetId="64" r:id="rId9"/>
    <sheet name="Revision Point" sheetId="58" r:id="rId10"/>
    <sheet name="Reference Reg." sheetId="56" r:id="rId11"/>
  </sheets>
  <definedNames>
    <definedName name="_xlnm._FilterDatabase" localSheetId="6" hidden="1">'A (appendix).RoHS'!$A$1:$I$158</definedName>
    <definedName name="_xlnm._FilterDatabase" localSheetId="2" hidden="1">A.RoHS!$A$1:$G$67</definedName>
    <definedName name="_xlnm._FilterDatabase" localSheetId="7" hidden="1">'B (appendix).Others'!$A$1:$I$165</definedName>
    <definedName name="_xlnm._FilterDatabase" localSheetId="8" hidden="1">'D (appendix).Part 2'!$A$1:$H$69</definedName>
    <definedName name="_xlnm.Print_Area" localSheetId="6">'A (appendix).RoHS'!$A$1:$I$157</definedName>
    <definedName name="_xlnm.Print_Area" localSheetId="2">A.RoHS!$A$1:$G$61</definedName>
    <definedName name="_xlnm.Print_Area" localSheetId="7">'B (appendix).Others'!$A$1:$H$207</definedName>
    <definedName name="_xlnm.Print_Area" localSheetId="3">B.Others!$A$1:$G$154</definedName>
    <definedName name="_xlnm.Print_Area" localSheetId="4">'C.Candidate'!$A$1:$G$57</definedName>
    <definedName name="_xlnm.Print_Area" localSheetId="8">'D (appendix).Part 2'!$A$1:$N$71</definedName>
    <definedName name="_xlnm.Print_Area" localSheetId="5">'D.Part 2 '!$A$1:$N$116</definedName>
    <definedName name="_xlnm.Print_Area" localSheetId="1">'Note (English)'!$A$1:$N$62</definedName>
    <definedName name="_xlnm.Print_Area" localSheetId="0">'Note (Japanese)'!$A$1:$N$57</definedName>
    <definedName name="_xlnm.Print_Area" localSheetId="10">'Reference Reg.'!$A$1:$D$109</definedName>
    <definedName name="_xlnm.Print_Area" localSheetId="9">'Revision Point'!$A$1:$E$120</definedName>
    <definedName name="_xlnm.Print_Titles" localSheetId="6">'A (appendix).RoHS'!$1:$1</definedName>
    <definedName name="_xlnm.Print_Titles" localSheetId="2">A.RoHS!$1:$1</definedName>
    <definedName name="_xlnm.Print_Titles" localSheetId="7">'B (appendix).Others'!$1:$1</definedName>
    <definedName name="_xlnm.Print_Titles" localSheetId="3">B.Others!$1:$1</definedName>
    <definedName name="_xlnm.Print_Titles" localSheetId="4">'C.Candidate'!$1:$1</definedName>
    <definedName name="_xlnm.Print_Titles" localSheetId="8">'D (appendix).Part 2'!$1:$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1" i="32" l="1"/>
  <c r="I1" i="59" l="1"/>
  <c r="G1" i="60"/>
  <c r="H1" i="37"/>
  <c r="G1" i="46"/>
</calcChain>
</file>

<file path=xl/sharedStrings.xml><?xml version="1.0" encoding="utf-8"?>
<sst xmlns="http://schemas.openxmlformats.org/spreadsheetml/2006/main" count="1903" uniqueCount="1121">
  <si>
    <t>-</t>
    <phoneticPr fontId="7"/>
  </si>
  <si>
    <t>Boric acid</t>
  </si>
  <si>
    <t>Beryllium and its compound</t>
  </si>
  <si>
    <t>Azo colorants</t>
  </si>
  <si>
    <t>Polyvinyl Chloride and its copolymer</t>
  </si>
  <si>
    <t>Radioactive substances</t>
  </si>
  <si>
    <t>Fluorinated greenhouse gases (HFC, PFC, SF6)</t>
  </si>
  <si>
    <t>Formaldehyde</t>
  </si>
  <si>
    <t>Perchlorates</t>
  </si>
  <si>
    <t>Dioctyltin (DOT) compounds</t>
  </si>
  <si>
    <t>Chlorinated flame retardants</t>
  </si>
  <si>
    <t>Banned</t>
  </si>
  <si>
    <t>Usable</t>
  </si>
  <si>
    <t>No.</t>
  </si>
  <si>
    <t>Using Beryllium oxide.</t>
  </si>
  <si>
    <t>Used in the other than the following (3).</t>
  </si>
  <si>
    <t xml:space="preserve">Used in the exception items. </t>
  </si>
  <si>
    <t>Used in the other than the above (1).</t>
  </si>
  <si>
    <t>Using "Thorium" in the magnetron of a microwave oven.</t>
  </si>
  <si>
    <t>Using "Krypton 85" in the electric bulb for a LCD projector.</t>
  </si>
  <si>
    <t>Used in the other than the following (2).</t>
  </si>
  <si>
    <t xml:space="preserve">Use for the refrigerant and/or the thermal insulator (HFC only). </t>
  </si>
  <si>
    <t xml:space="preserve">Used in wooden parts. </t>
  </si>
  <si>
    <t>Contained less than 6ppb by weight per battery.</t>
  </si>
  <si>
    <t>Used in parts which continuously contact with human skin for a long time.</t>
  </si>
  <si>
    <t>Used in products for children 12 and under, containing lead exceeding 0.01wt% per armored part.</t>
  </si>
  <si>
    <t>Used in parts/material used in toys, containing lead above 0.009% per surface treatment layer such as coating.</t>
  </si>
  <si>
    <t>Used in every application other than the above (1). (Used in a part which does not continuously contact with human body)</t>
  </si>
  <si>
    <t>Used in photo coating used in printing plates, film, and documents.</t>
  </si>
  <si>
    <t>Used in mist suppressants for hard chrome plating, and moistening agent used in equipment for plating.</t>
  </si>
  <si>
    <t>Contained above 6ppb by weight per battery. (Necessary to caution on operation manual)</t>
  </si>
  <si>
    <t>Used in the lamp of LCD projector. (Diarsenic trioxide)</t>
  </si>
  <si>
    <t>Used in products for children 12 and under or home furnishings covered with fiver.</t>
  </si>
  <si>
    <t>Perfluorooctane sulfonate (PFOSs) *2)</t>
  </si>
  <si>
    <t>[regulated by the Montreal Protocol (Class I and II)] *1)</t>
  </si>
  <si>
    <t>Polychlorinated biphenyls (PCBs) and specific substitutes</t>
  </si>
  <si>
    <t>Hexavalent chromium compound *2)</t>
  </si>
  <si>
    <t xml:space="preserve">Content is 1000ppm or less.  However, content is less than 3ppm of the dry weight of the leather in leather articles and parts coming into contact with the skin. </t>
  </si>
  <si>
    <t>Polybrominated biphenyls (PBBs)</t>
  </si>
  <si>
    <t>Content is 1000ppm or less.</t>
  </si>
  <si>
    <t>Polybrominated diphenyl ethers (PBDEs)</t>
  </si>
  <si>
    <t>Cadmium and its  compound *2)</t>
  </si>
  <si>
    <t>Content is 100ppm or less.  Regarding batteries, complying with the EU Battery Directive (2006/66/EC, 2013/56/EU).</t>
  </si>
  <si>
    <t>Lead and its compound *2)</t>
  </si>
  <si>
    <t>Mercury and its compound *2)</t>
  </si>
  <si>
    <t>Content is 1000ppm or less.  Regarding batteries, complying with the EU Battery Directive (2006/66/EC, 2013/56/EU).</t>
  </si>
  <si>
    <t>Tributyl Tin Oxide (TBTO)</t>
  </si>
  <si>
    <t>Tri-substituted organostannic compounds</t>
  </si>
  <si>
    <t>Not intentionally added.</t>
  </si>
  <si>
    <t>Asbestos</t>
  </si>
  <si>
    <t>Polychlorinated Terphenyls (PCTs)</t>
  </si>
  <si>
    <t>Cobalt dichloride</t>
  </si>
  <si>
    <t>Dimethyl fumarate</t>
  </si>
  <si>
    <t>Refractory Ceramic Fibers, Aluminosilicate</t>
  </si>
  <si>
    <t>Refractory Ceramic Fibers, Zirconia Aluminosilicate</t>
  </si>
  <si>
    <t>Dibutyltin (DBT) compounds</t>
  </si>
  <si>
    <t>Content is 1000ppm or less by weight of tin in a material.</t>
  </si>
  <si>
    <t xml:space="preserve">Not intentionally added. </t>
  </si>
  <si>
    <t>Not intentionally added.  (Only battery is targeted by this survey. No response is necessary except battery)</t>
  </si>
  <si>
    <t>Ozone-depleting substances</t>
  </si>
  <si>
    <t>Disodium tetraborate, anhydrous, Tetraboron disodium heptaoxide, hydrate</t>
    <phoneticPr fontId="7"/>
  </si>
  <si>
    <t>Wood component: atmospheric concentration is 0.1ppm or less (by the chamber method).
Plastics/fibers: content is 75ppm or less.</t>
    <phoneticPr fontId="7"/>
  </si>
  <si>
    <t>Not used in the rinse process. (If the result in the item (2) is YES only, answer this item)
(Even if "Not used" is selected, that means you didn't use these substances to rinse process, describe rinse solution and method of the rinse process.)</t>
    <phoneticPr fontId="7"/>
  </si>
  <si>
    <t>On EU Directive on Packaging etc., for packaging part and packaging material, the total concentration of these four heavy metals in part/material, ink and paint which constitute a package is100ppm or less each.</t>
    <phoneticPr fontId="7"/>
  </si>
  <si>
    <t>Unit for calculating content rate is homogeneous material if not otherwise specified.</t>
    <phoneticPr fontId="7"/>
  </si>
  <si>
    <t>As for "Perfluorooctane sulfonate (PFOSs) and its salt", Scoped substances CAS No. (1763-23-1, 307-35-7, 29457-72-5, 2795-39-3).</t>
    <phoneticPr fontId="7"/>
  </si>
  <si>
    <t>Total content of substances with following CAS No. (335-67-1, 3825-26-1, 335-95-5, 2395-00-8, 335-93-3, 335-66-0, 376-27-2, 3108-24-5).</t>
    <phoneticPr fontId="7"/>
  </si>
  <si>
    <t>Scoped substances CAS No. (50-32-8, 192-97-2, 56-55-3, 218-01-9, 205-99-2, 205-82-3, 207-08-9, 53-70-3).</t>
    <phoneticPr fontId="7"/>
  </si>
  <si>
    <t>Presence of banned substances in the product</t>
    <phoneticPr fontId="7"/>
  </si>
  <si>
    <t>Presence of banned substances depending on application</t>
    <phoneticPr fontId="7"/>
  </si>
  <si>
    <t>Ozone-depleting substances contained in the product or used in manufacturing</t>
    <phoneticPr fontId="7"/>
  </si>
  <si>
    <r>
      <t xml:space="preserve">&lt; </t>
    </r>
    <r>
      <rPr>
        <sz val="9"/>
        <color theme="1"/>
        <rFont val="ＭＳ Ｐゴシック"/>
        <family val="3"/>
        <charset val="128"/>
      </rPr>
      <t>前ページから／</t>
    </r>
    <r>
      <rPr>
        <sz val="9"/>
        <color theme="1"/>
        <rFont val="Arial"/>
        <family val="2"/>
      </rPr>
      <t>Continued from the previous page.&gt;</t>
    </r>
  </si>
  <si>
    <t>-</t>
  </si>
  <si>
    <t>7(a)</t>
  </si>
  <si>
    <t>5(b)</t>
  </si>
  <si>
    <t>6(c)</t>
  </si>
  <si>
    <t>4(e)</t>
  </si>
  <si>
    <t>Used in a direct human body contact part of a product which is intended to continuously contact with human body. _x000D_
 (e.g.: electric carpet, earphone, strap and etc.)</t>
  </si>
  <si>
    <r>
      <t>Used in a contact part with human body of a product (e.g.</t>
    </r>
    <r>
      <rPr>
        <sz val="9"/>
        <color theme="1"/>
        <rFont val="ＭＳ Ｐゴシック"/>
        <family val="3"/>
        <charset val="128"/>
      </rPr>
      <t>：</t>
    </r>
    <r>
      <rPr>
        <sz val="9"/>
        <color theme="1"/>
        <rFont val="Arial"/>
        <family val="2"/>
      </rPr>
      <t>electric carpet, earphone, strap and etc.) which is manufactured based on the premise that the product continuously contacts human body, and may produce carcinogenic amine over 30ppm when discomposed.</t>
    </r>
  </si>
  <si>
    <t>Used in the other than the following (2)-(3).</t>
    <phoneticPr fontId="7"/>
  </si>
  <si>
    <t>Used in the other than the above (1)-(2).</t>
    <phoneticPr fontId="7"/>
  </si>
  <si>
    <t>Used for two-component room temperature vulcanisation moulding kits (RTV-2 moulding kits).</t>
    <phoneticPr fontId="7"/>
  </si>
  <si>
    <t>Hexabromocyclododecane (HBCDD)</t>
    <phoneticPr fontId="7"/>
  </si>
  <si>
    <t>&lt; Yes / No &gt;</t>
  </si>
  <si>
    <t>&lt; AnnexIII                  / AnnexIV &gt;</t>
  </si>
  <si>
    <r>
      <rPr>
        <sz val="11"/>
        <rFont val="ＭＳ Ｐゴシック"/>
        <family val="3"/>
        <charset val="128"/>
      </rPr>
      <t>確認結果／</t>
    </r>
    <r>
      <rPr>
        <sz val="9"/>
        <rFont val="Arial"/>
        <family val="2"/>
      </rPr>
      <t>Result</t>
    </r>
    <rPh sb="0" eb="2">
      <t>カクニン</t>
    </rPh>
    <rPh sb="2" eb="4">
      <t>ケッカ</t>
    </rPh>
    <phoneticPr fontId="7"/>
  </si>
  <si>
    <r>
      <rPr>
        <sz val="11"/>
        <rFont val="ＭＳ Ｐゴシック"/>
        <family val="3"/>
        <charset val="128"/>
      </rPr>
      <t>確認結果／</t>
    </r>
    <r>
      <rPr>
        <sz val="11"/>
        <rFont val="Arial"/>
        <family val="2"/>
      </rPr>
      <t>Result</t>
    </r>
    <rPh sb="0" eb="2">
      <t>カクニン</t>
    </rPh>
    <rPh sb="2" eb="4">
      <t>ケッカ</t>
    </rPh>
    <phoneticPr fontId="7"/>
  </si>
  <si>
    <r>
      <rPr>
        <sz val="11"/>
        <rFont val="ＭＳ Ｐゴシック"/>
        <family val="3"/>
        <charset val="128"/>
      </rPr>
      <t>　</t>
    </r>
  </si>
  <si>
    <r>
      <rPr>
        <sz val="11"/>
        <rFont val="ＭＳ Ｐゴシック"/>
        <family val="3"/>
        <charset val="128"/>
      </rPr>
      <t xml:space="preserve">確認結果／
</t>
    </r>
    <r>
      <rPr>
        <sz val="9"/>
        <rFont val="Arial"/>
        <family val="2"/>
      </rPr>
      <t>Result</t>
    </r>
    <rPh sb="0" eb="2">
      <t>カクニン</t>
    </rPh>
    <phoneticPr fontId="7"/>
  </si>
  <si>
    <r>
      <rPr>
        <b/>
        <sz val="11"/>
        <color theme="0"/>
        <rFont val="ＭＳ Ｐゴシック"/>
        <family val="3"/>
        <charset val="128"/>
      </rPr>
      <t>使用禁止／</t>
    </r>
  </si>
  <si>
    <r>
      <rPr>
        <sz val="11"/>
        <color theme="1"/>
        <rFont val="ＭＳ Ｐゴシック"/>
        <family val="3"/>
        <charset val="128"/>
      </rPr>
      <t>使用可／</t>
    </r>
  </si>
  <si>
    <r>
      <t>B1.</t>
    </r>
    <r>
      <rPr>
        <b/>
        <sz val="11"/>
        <color theme="1"/>
        <rFont val="ＭＳ Ｐゴシック"/>
        <family val="3"/>
        <charset val="128"/>
      </rPr>
      <t>全面的に使用を禁止する化学物質の製品への含有について／</t>
    </r>
  </si>
  <si>
    <r>
      <t>B2.</t>
    </r>
    <r>
      <rPr>
        <b/>
        <sz val="11"/>
        <color theme="1"/>
        <rFont val="ＭＳ Ｐゴシック"/>
        <family val="3"/>
        <charset val="128"/>
      </rPr>
      <t>条件により使用を禁止する化学物質の製品への含有について／</t>
    </r>
  </si>
  <si>
    <r>
      <t>B3.</t>
    </r>
    <r>
      <rPr>
        <b/>
        <sz val="11"/>
        <color theme="1"/>
        <rFont val="ＭＳ Ｐゴシック"/>
        <family val="3"/>
        <charset val="128"/>
      </rPr>
      <t>オゾン層破壊物質の製品への含有及び製造工程での使用有無について／</t>
    </r>
  </si>
  <si>
    <t>Polychlorinated naphthalenes</t>
    <phoneticPr fontId="7"/>
  </si>
  <si>
    <t>Not intentionally added.  (Chlorine atom 1-8 are subject to the regulation.)</t>
    <phoneticPr fontId="7"/>
  </si>
  <si>
    <t>Polycyclic aromatic hydrocarbons (PAHs)</t>
    <phoneticPr fontId="7"/>
  </si>
  <si>
    <t>Using exemptions listed in EU RoHS directive other than above and having permission from adoption decision.</t>
    <phoneticPr fontId="7"/>
  </si>
  <si>
    <r>
      <rPr>
        <sz val="11"/>
        <color theme="1"/>
        <rFont val="Arial"/>
        <family val="2"/>
      </rPr>
      <t>RoHS</t>
    </r>
    <r>
      <rPr>
        <sz val="11"/>
        <color theme="1"/>
        <rFont val="ＭＳ Ｐゴシック"/>
        <family val="3"/>
        <charset val="128"/>
      </rPr>
      <t>適用除外</t>
    </r>
    <r>
      <rPr>
        <sz val="11"/>
        <color theme="1"/>
        <rFont val="Arial"/>
        <family val="2"/>
      </rPr>
      <t>No.</t>
    </r>
    <r>
      <rPr>
        <sz val="11"/>
        <color theme="1"/>
        <rFont val="ＭＳ Ｐゴシック"/>
        <family val="3"/>
        <charset val="128"/>
      </rPr>
      <t>／</t>
    </r>
    <r>
      <rPr>
        <sz val="9"/>
        <color theme="1"/>
        <rFont val="Arial"/>
        <family val="2"/>
      </rPr>
      <t>RoHS Exemption No. :</t>
    </r>
    <rPh sb="4" eb="6">
      <t>テキヨウ</t>
    </rPh>
    <phoneticPr fontId="7"/>
  </si>
  <si>
    <t>- 1/3 -</t>
    <phoneticPr fontId="7"/>
  </si>
  <si>
    <t>- 2/3 -</t>
    <phoneticPr fontId="7"/>
  </si>
  <si>
    <t>- 1/2 -</t>
    <phoneticPr fontId="7"/>
  </si>
  <si>
    <t>- 2/2 -</t>
    <phoneticPr fontId="7"/>
  </si>
  <si>
    <t>Phenol,2-(2H-benzotriazol-2-yl)-4,6-bis(1,1-dimethylethyl)</t>
    <phoneticPr fontId="7"/>
  </si>
  <si>
    <t>(                                                                                                                                                                                                        )</t>
    <phoneticPr fontId="7"/>
  </si>
  <si>
    <t>&lt; Used / Not Used &gt;</t>
  </si>
  <si>
    <t>Regarding items whose confirmatory result are "Not Applicable" in clause B2, "X" are entered in the result column as the result of the confirmation pursuant to the criteria.</t>
    <phoneticPr fontId="7"/>
  </si>
  <si>
    <t>Arsenic and its compound</t>
    <phoneticPr fontId="7"/>
  </si>
  <si>
    <t>No.</t>
    <phoneticPr fontId="7"/>
  </si>
  <si>
    <t>Phthalates other than the four RoHS-related Phthalates</t>
    <phoneticPr fontId="7"/>
  </si>
  <si>
    <t>Using printed wiring boards (PWBs) in the product.</t>
    <phoneticPr fontId="7"/>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7" eb="9">
      <t>シレイ</t>
    </rPh>
    <phoneticPr fontId="7"/>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rPh sb="7" eb="9">
      <t>シレイ</t>
    </rPh>
    <rPh sb="29" eb="31">
      <t>ベイコク</t>
    </rPh>
    <phoneticPr fontId="7"/>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8" eb="10">
      <t>キソク</t>
    </rPh>
    <rPh sb="11" eb="14">
      <t>フゾクショ</t>
    </rPh>
    <phoneticPr fontId="7"/>
  </si>
  <si>
    <r>
      <t>EU F</t>
    </r>
    <r>
      <rPr>
        <sz val="10"/>
        <rFont val="ＭＳ Ｐゴシック"/>
        <family val="3"/>
        <charset val="128"/>
      </rPr>
      <t>ガス規則（</t>
    </r>
    <r>
      <rPr>
        <sz val="10"/>
        <rFont val="Arial"/>
        <family val="2"/>
      </rPr>
      <t>517/2014</t>
    </r>
    <r>
      <rPr>
        <sz val="10"/>
        <rFont val="ＭＳ Ｐゴシック"/>
        <family val="3"/>
        <charset val="128"/>
      </rPr>
      <t>）</t>
    </r>
    <rPh sb="6" eb="8">
      <t>キソク</t>
    </rPh>
    <phoneticPr fontId="7"/>
  </si>
  <si>
    <r>
      <rPr>
        <b/>
        <sz val="10"/>
        <color rgb="FFFF0000"/>
        <rFont val="ＭＳ Ｐゴシック"/>
        <family val="3"/>
        <charset val="128"/>
      </rPr>
      <t>［このシートは提出不要です］</t>
    </r>
  </si>
  <si>
    <r>
      <rPr>
        <b/>
        <sz val="12"/>
        <color theme="1"/>
        <rFont val="ＭＳ Ｐゴシック"/>
        <family val="3"/>
        <charset val="128"/>
      </rPr>
      <t>主な参照法令一覧</t>
    </r>
    <rPh sb="0" eb="1">
      <t>オモ</t>
    </rPh>
    <rPh sb="2" eb="4">
      <t>サンショウ</t>
    </rPh>
    <rPh sb="4" eb="6">
      <t>ホウレイ</t>
    </rPh>
    <rPh sb="6" eb="8">
      <t>イチラン</t>
    </rPh>
    <phoneticPr fontId="7"/>
  </si>
  <si>
    <r>
      <rPr>
        <sz val="10"/>
        <rFont val="ＭＳ Ｐゴシック"/>
        <family val="3"/>
        <charset val="128"/>
      </rPr>
      <t>物質名</t>
    </r>
  </si>
  <si>
    <r>
      <rPr>
        <sz val="10"/>
        <rFont val="ＭＳ Ｐゴシック"/>
        <family val="3"/>
        <charset val="128"/>
      </rPr>
      <t>主な参照法令等</t>
    </r>
    <rPh sb="0" eb="1">
      <t>オモ</t>
    </rPh>
    <rPh sb="2" eb="4">
      <t>サンショウ</t>
    </rPh>
    <rPh sb="4" eb="6">
      <t>ホウレイ</t>
    </rPh>
    <rPh sb="6" eb="7">
      <t>トウ</t>
    </rPh>
    <phoneticPr fontId="7"/>
  </si>
  <si>
    <r>
      <t xml:space="preserve">A1. RoHS </t>
    </r>
    <r>
      <rPr>
        <sz val="10"/>
        <rFont val="ＭＳ Ｐゴシック"/>
        <family val="3"/>
        <charset val="128"/>
      </rPr>
      <t>全面禁止</t>
    </r>
  </si>
  <si>
    <r>
      <rPr>
        <sz val="10"/>
        <rFont val="ＭＳ Ｐゴシック"/>
        <family val="3"/>
        <charset val="128"/>
      </rPr>
      <t>六価クロム化合物</t>
    </r>
  </si>
  <si>
    <r>
      <t xml:space="preserve">A2. RoHS </t>
    </r>
    <r>
      <rPr>
        <sz val="10"/>
        <rFont val="ＭＳ Ｐゴシック"/>
        <family val="3"/>
        <charset val="128"/>
      </rPr>
      <t>条件付禁止</t>
    </r>
  </si>
  <si>
    <r>
      <rPr>
        <sz val="10"/>
        <rFont val="ＭＳ Ｐゴシック"/>
        <family val="3"/>
        <charset val="128"/>
      </rPr>
      <t>カドミウム及びその化合物</t>
    </r>
  </si>
  <si>
    <r>
      <rPr>
        <sz val="10"/>
        <rFont val="ＭＳ Ｐゴシック"/>
        <family val="3"/>
        <charset val="128"/>
      </rPr>
      <t>鉛及びその化合物</t>
    </r>
  </si>
  <si>
    <r>
      <rPr>
        <sz val="10"/>
        <rFont val="ＭＳ Ｐゴシック"/>
        <family val="3"/>
        <charset val="128"/>
      </rPr>
      <t>水銀及びその化合物</t>
    </r>
  </si>
  <si>
    <r>
      <rPr>
        <sz val="10"/>
        <rFont val="ＭＳ Ｐゴシック"/>
        <family val="3"/>
        <charset val="128"/>
      </rPr>
      <t>化審法</t>
    </r>
    <rPh sb="0" eb="3">
      <t>カシンホウ</t>
    </rPh>
    <phoneticPr fontId="7"/>
  </si>
  <si>
    <r>
      <rPr>
        <sz val="10"/>
        <rFont val="ＭＳ Ｐゴシック"/>
        <family val="3"/>
        <charset val="128"/>
      </rPr>
      <t>三置換有機スズ化合物</t>
    </r>
  </si>
  <si>
    <r>
      <rPr>
        <sz val="10"/>
        <rFont val="ＭＳ Ｐゴシック"/>
        <family val="3"/>
        <charset val="128"/>
      </rPr>
      <t>ポリ塩化ナフタレン</t>
    </r>
  </si>
  <si>
    <r>
      <rPr>
        <sz val="10"/>
        <rFont val="ＭＳ Ｐゴシック"/>
        <family val="3"/>
        <charset val="128"/>
      </rPr>
      <t>アスベスト類</t>
    </r>
  </si>
  <si>
    <r>
      <rPr>
        <sz val="10"/>
        <rFont val="ＭＳ Ｐゴシック"/>
        <family val="3"/>
        <charset val="128"/>
      </rPr>
      <t>塩化コバルト</t>
    </r>
  </si>
  <si>
    <r>
      <rPr>
        <sz val="10"/>
        <rFont val="ＭＳ Ｐゴシック"/>
        <family val="3"/>
        <charset val="128"/>
      </rPr>
      <t>ジメチルフマレート</t>
    </r>
  </si>
  <si>
    <r>
      <rPr>
        <sz val="10"/>
        <rFont val="ＭＳ Ｐゴシック"/>
        <family val="3"/>
        <charset val="128"/>
      </rPr>
      <t>アルミノ珪酸塩、耐火セラミック繊維</t>
    </r>
  </si>
  <si>
    <r>
      <rPr>
        <sz val="10"/>
        <rFont val="ＭＳ Ｐゴシック"/>
        <family val="3"/>
        <charset val="128"/>
      </rPr>
      <t>ジルコニアアルミノ珪酸塩、耐火セラミック繊維</t>
    </r>
  </si>
  <si>
    <r>
      <rPr>
        <sz val="10"/>
        <rFont val="ＭＳ Ｐゴシック"/>
        <family val="3"/>
        <charset val="128"/>
      </rPr>
      <t>ベリリウム及びその化合物</t>
    </r>
  </si>
  <si>
    <r>
      <rPr>
        <sz val="10"/>
        <rFont val="ＭＳ Ｐゴシック"/>
        <family val="3"/>
        <charset val="128"/>
      </rPr>
      <t>アゾ染料・顔料</t>
    </r>
  </si>
  <si>
    <r>
      <rPr>
        <sz val="10"/>
        <rFont val="ＭＳ Ｐゴシック"/>
        <family val="3"/>
        <charset val="128"/>
      </rPr>
      <t>ポリ塩化ビニル及びそのコポリマー</t>
    </r>
  </si>
  <si>
    <r>
      <rPr>
        <sz val="10"/>
        <rFont val="ＭＳ Ｐゴシック"/>
        <family val="3"/>
        <charset val="128"/>
      </rPr>
      <t>放射性物質</t>
    </r>
  </si>
  <si>
    <r>
      <rPr>
        <sz val="10"/>
        <rFont val="ＭＳ Ｐゴシック"/>
        <family val="3"/>
        <charset val="128"/>
      </rPr>
      <t>ホルムアルデヒド</t>
    </r>
  </si>
  <si>
    <r>
      <rPr>
        <sz val="10"/>
        <rFont val="ＭＳ Ｐゴシック"/>
        <family val="3"/>
        <charset val="128"/>
      </rPr>
      <t>過塩素酸塩</t>
    </r>
  </si>
  <si>
    <r>
      <rPr>
        <sz val="10"/>
        <rFont val="ＭＳ Ｐゴシック"/>
        <family val="3"/>
        <charset val="128"/>
      </rPr>
      <t>ヒ素及びその化合物</t>
    </r>
  </si>
  <si>
    <r>
      <rPr>
        <sz val="10"/>
        <rFont val="ＭＳ Ｐゴシック"/>
        <family val="3"/>
        <charset val="128"/>
      </rPr>
      <t>塩素系難燃剤</t>
    </r>
  </si>
  <si>
    <r>
      <rPr>
        <sz val="10"/>
        <rFont val="ＭＳ Ｐゴシック"/>
        <family val="3"/>
        <charset val="128"/>
      </rPr>
      <t>赤リン</t>
    </r>
    <rPh sb="0" eb="1">
      <t>アカ</t>
    </rPh>
    <phoneticPr fontId="7"/>
  </si>
  <si>
    <r>
      <t xml:space="preserve">B3. </t>
    </r>
    <r>
      <rPr>
        <sz val="10"/>
        <rFont val="ＭＳ Ｐゴシック"/>
        <family val="3"/>
        <charset val="128"/>
      </rPr>
      <t>オゾン層破壊物質</t>
    </r>
  </si>
  <si>
    <r>
      <rPr>
        <sz val="10"/>
        <rFont val="ＭＳ Ｐゴシック"/>
        <family val="3"/>
        <charset val="128"/>
      </rPr>
      <t>モントリオール議定書、米国フロン税</t>
    </r>
    <rPh sb="7" eb="10">
      <t>ギテイショ</t>
    </rPh>
    <rPh sb="11" eb="13">
      <t>ベイコク</t>
    </rPh>
    <rPh sb="16" eb="17">
      <t>ゼイ</t>
    </rPh>
    <phoneticPr fontId="7"/>
  </si>
  <si>
    <r>
      <rPr>
        <sz val="10"/>
        <rFont val="ＭＳ Ｐゴシック"/>
        <family val="3"/>
        <charset val="128"/>
      </rPr>
      <t>ポリ臭化ビフェニル類</t>
    </r>
    <r>
      <rPr>
        <sz val="10"/>
        <rFont val="Arial"/>
        <family val="2"/>
      </rPr>
      <t xml:space="preserve"> </t>
    </r>
    <r>
      <rPr>
        <sz val="10"/>
        <rFont val="ＭＳ Ｐゴシック"/>
        <family val="3"/>
        <charset val="128"/>
      </rPr>
      <t>（</t>
    </r>
    <r>
      <rPr>
        <sz val="10"/>
        <rFont val="Arial"/>
        <family val="2"/>
      </rPr>
      <t>PBB</t>
    </r>
    <r>
      <rPr>
        <sz val="10"/>
        <rFont val="ＭＳ Ｐゴシック"/>
        <family val="3"/>
        <charset val="128"/>
      </rPr>
      <t>類）</t>
    </r>
  </si>
  <si>
    <r>
      <rPr>
        <sz val="10"/>
        <rFont val="ＭＳ Ｐゴシック"/>
        <family val="3"/>
        <charset val="128"/>
      </rPr>
      <t>ポリ臭化ジフェニルエーテル類（</t>
    </r>
    <r>
      <rPr>
        <sz val="10"/>
        <rFont val="Arial"/>
        <family val="2"/>
      </rPr>
      <t>PBDE</t>
    </r>
    <r>
      <rPr>
        <sz val="10"/>
        <rFont val="ＭＳ Ｐゴシック"/>
        <family val="3"/>
        <charset val="128"/>
      </rPr>
      <t>類）</t>
    </r>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7" eb="9">
      <t>シレイ</t>
    </rPh>
    <rPh sb="18" eb="20">
      <t>キソク</t>
    </rPh>
    <rPh sb="21" eb="24">
      <t>フゾクショ</t>
    </rPh>
    <phoneticPr fontId="7"/>
  </si>
  <si>
    <r>
      <t xml:space="preserve">B1. </t>
    </r>
    <r>
      <rPr>
        <sz val="10"/>
        <rFont val="ＭＳ Ｐゴシック"/>
        <family val="3"/>
        <charset val="128"/>
      </rPr>
      <t>その他</t>
    </r>
    <r>
      <rPr>
        <sz val="10"/>
        <rFont val="Arial"/>
        <family val="2"/>
      </rPr>
      <t xml:space="preserve"> </t>
    </r>
    <r>
      <rPr>
        <sz val="10"/>
        <rFont val="ＭＳ Ｐゴシック"/>
        <family val="3"/>
        <charset val="128"/>
      </rPr>
      <t>全面禁止</t>
    </r>
  </si>
  <si>
    <r>
      <rPr>
        <sz val="10"/>
        <rFont val="ＭＳ Ｐゴシック"/>
        <family val="3"/>
        <charset val="128"/>
      </rPr>
      <t>トリブチルスズ</t>
    </r>
    <r>
      <rPr>
        <sz val="10"/>
        <rFont val="Arial"/>
        <family val="2"/>
      </rPr>
      <t>=</t>
    </r>
    <r>
      <rPr>
        <sz val="10"/>
        <rFont val="ＭＳ Ｐゴシック"/>
        <family val="3"/>
        <charset val="128"/>
      </rPr>
      <t>オキシド（</t>
    </r>
    <r>
      <rPr>
        <sz val="10"/>
        <rFont val="Arial"/>
        <family val="2"/>
      </rPr>
      <t>TBTO</t>
    </r>
    <r>
      <rPr>
        <sz val="10"/>
        <rFont val="ＭＳ Ｐゴシック"/>
        <family val="3"/>
        <charset val="128"/>
      </rPr>
      <t>）</t>
    </r>
  </si>
  <si>
    <r>
      <rPr>
        <sz val="10"/>
        <rFont val="ＭＳ Ｐゴシック"/>
        <family val="3"/>
        <charset val="128"/>
      </rPr>
      <t>安衛法、</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0" eb="1">
      <t>アン</t>
    </rPh>
    <rPh sb="1" eb="2">
      <t>エイ</t>
    </rPh>
    <rPh sb="2" eb="3">
      <t>ホウ</t>
    </rPh>
    <rPh sb="12" eb="14">
      <t>キソク</t>
    </rPh>
    <rPh sb="15" eb="18">
      <t>フゾクショ</t>
    </rPh>
    <phoneticPr fontId="7"/>
  </si>
  <si>
    <r>
      <rPr>
        <sz val="10"/>
        <rFont val="ＭＳ Ｐゴシック"/>
        <family val="3"/>
        <charset val="128"/>
      </rPr>
      <t>ポリ塩化ターフェニル類</t>
    </r>
    <r>
      <rPr>
        <sz val="10"/>
        <rFont val="Arial"/>
        <family val="2"/>
      </rPr>
      <t xml:space="preserve"> </t>
    </r>
    <r>
      <rPr>
        <sz val="10"/>
        <rFont val="ＭＳ Ｐゴシック"/>
        <family val="3"/>
        <charset val="128"/>
      </rPr>
      <t>（</t>
    </r>
    <r>
      <rPr>
        <sz val="10"/>
        <rFont val="Arial"/>
        <family val="2"/>
      </rPr>
      <t>PCT</t>
    </r>
    <r>
      <rPr>
        <sz val="10"/>
        <rFont val="ＭＳ Ｐゴシック"/>
        <family val="3"/>
        <charset val="128"/>
      </rPr>
      <t>類）</t>
    </r>
  </si>
  <si>
    <r>
      <t>2-</t>
    </r>
    <r>
      <rPr>
        <sz val="10"/>
        <rFont val="ＭＳ Ｐゴシック"/>
        <family val="3"/>
        <charset val="128"/>
      </rPr>
      <t>（</t>
    </r>
    <r>
      <rPr>
        <sz val="10"/>
        <rFont val="Arial"/>
        <family val="2"/>
      </rPr>
      <t>2H-1,2,3-</t>
    </r>
    <r>
      <rPr>
        <sz val="10"/>
        <rFont val="ＭＳ Ｐゴシック"/>
        <family val="3"/>
        <charset val="128"/>
      </rPr>
      <t>ベンゾ</t>
    </r>
    <r>
      <rPr>
        <sz val="10"/>
        <rFont val="Arial"/>
        <family val="2"/>
      </rPr>
      <t xml:space="preserve"> </t>
    </r>
    <r>
      <rPr>
        <sz val="10"/>
        <rFont val="ＭＳ Ｐゴシック"/>
        <family val="3"/>
        <charset val="128"/>
      </rPr>
      <t>トリアゾール</t>
    </r>
    <r>
      <rPr>
        <sz val="10"/>
        <rFont val="Arial"/>
        <family val="2"/>
      </rPr>
      <t>-2-</t>
    </r>
    <r>
      <rPr>
        <sz val="10"/>
        <rFont val="ＭＳ Ｐゴシック"/>
        <family val="3"/>
        <charset val="128"/>
      </rPr>
      <t>イル）</t>
    </r>
    <r>
      <rPr>
        <sz val="10"/>
        <rFont val="Arial"/>
        <family val="2"/>
      </rPr>
      <t>-4,6-</t>
    </r>
    <r>
      <rPr>
        <sz val="10"/>
        <rFont val="ＭＳ Ｐゴシック"/>
        <family val="3"/>
        <charset val="128"/>
      </rPr>
      <t>ジ</t>
    </r>
    <r>
      <rPr>
        <sz val="10"/>
        <rFont val="Arial"/>
        <family val="2"/>
      </rPr>
      <t>-tert-</t>
    </r>
    <r>
      <rPr>
        <sz val="10"/>
        <rFont val="ＭＳ Ｐゴシック"/>
        <family val="3"/>
        <charset val="128"/>
      </rPr>
      <t>ブチルフェノール</t>
    </r>
  </si>
  <si>
    <r>
      <rPr>
        <sz val="10"/>
        <rFont val="ＭＳ Ｐゴシック"/>
        <family val="3"/>
        <charset val="128"/>
      </rPr>
      <t>ヘキサブロモシクロドデカン（</t>
    </r>
    <r>
      <rPr>
        <sz val="10"/>
        <rFont val="Arial"/>
        <family val="2"/>
      </rPr>
      <t>HBCDD</t>
    </r>
    <r>
      <rPr>
        <sz val="10"/>
        <rFont val="ＭＳ Ｐゴシック"/>
        <family val="3"/>
        <charset val="128"/>
      </rPr>
      <t>）</t>
    </r>
  </si>
  <si>
    <r>
      <rPr>
        <sz val="10"/>
        <rFont val="ＭＳ Ｐゴシック"/>
        <family val="3"/>
        <charset val="128"/>
      </rPr>
      <t>（</t>
    </r>
    <r>
      <rPr>
        <sz val="10"/>
        <rFont val="Arial"/>
        <family val="2"/>
      </rPr>
      <t>EU REACH</t>
    </r>
    <r>
      <rPr>
        <sz val="10"/>
        <rFont val="ＭＳ Ｐゴシック"/>
        <family val="3"/>
        <charset val="128"/>
      </rPr>
      <t>規則）※</t>
    </r>
    <rPh sb="9" eb="11">
      <t>キソク</t>
    </rPh>
    <phoneticPr fontId="7"/>
  </si>
  <si>
    <r>
      <rPr>
        <sz val="10"/>
        <rFont val="ＭＳ Ｐゴシック"/>
        <family val="3"/>
        <charset val="128"/>
      </rPr>
      <t>ジブチルスズ化合物（</t>
    </r>
    <r>
      <rPr>
        <sz val="10"/>
        <rFont val="Arial"/>
        <family val="2"/>
      </rPr>
      <t>DBT</t>
    </r>
    <r>
      <rPr>
        <sz val="10"/>
        <rFont val="ＭＳ Ｐゴシック"/>
        <family val="3"/>
        <charset val="128"/>
      </rPr>
      <t>）</t>
    </r>
  </si>
  <si>
    <r>
      <t xml:space="preserve">EU REACH </t>
    </r>
    <r>
      <rPr>
        <sz val="10"/>
        <rFont val="ＭＳ Ｐゴシック"/>
        <family val="3"/>
        <charset val="128"/>
      </rPr>
      <t>附属書</t>
    </r>
    <r>
      <rPr>
        <sz val="10"/>
        <rFont val="Arial"/>
        <family val="2"/>
      </rPr>
      <t>XVII</t>
    </r>
    <rPh sb="9" eb="12">
      <t>フゾクショ</t>
    </rPh>
    <phoneticPr fontId="7"/>
  </si>
  <si>
    <r>
      <t xml:space="preserve">B2. </t>
    </r>
    <r>
      <rPr>
        <sz val="10"/>
        <rFont val="ＭＳ Ｐゴシック"/>
        <family val="3"/>
        <charset val="128"/>
      </rPr>
      <t>その他</t>
    </r>
    <r>
      <rPr>
        <sz val="10"/>
        <rFont val="Arial"/>
        <family val="2"/>
      </rPr>
      <t xml:space="preserve"> </t>
    </r>
    <r>
      <rPr>
        <sz val="10"/>
        <rFont val="ＭＳ Ｐゴシック"/>
        <family val="3"/>
        <charset val="128"/>
      </rPr>
      <t>条件付禁止</t>
    </r>
  </si>
  <si>
    <r>
      <rPr>
        <sz val="10"/>
        <rFont val="ＭＳ Ｐゴシック"/>
        <family val="3"/>
        <charset val="128"/>
      </rPr>
      <t>パーフルオロオクタンスルホン酸塩（</t>
    </r>
    <r>
      <rPr>
        <sz val="10"/>
        <rFont val="Arial"/>
        <family val="2"/>
      </rPr>
      <t>PFOS</t>
    </r>
    <r>
      <rPr>
        <sz val="10"/>
        <rFont val="ＭＳ Ｐゴシック"/>
        <family val="3"/>
        <charset val="128"/>
      </rPr>
      <t>）</t>
    </r>
  </si>
  <si>
    <r>
      <rPr>
        <sz val="10"/>
        <rFont val="ＭＳ Ｐゴシック"/>
        <family val="3"/>
        <charset val="128"/>
      </rPr>
      <t>化審法、</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
      <rPr>
        <sz val="10"/>
        <rFont val="ＭＳ Ｐゴシック"/>
        <family val="3"/>
        <charset val="128"/>
      </rPr>
      <t>、カナダ環境保護法</t>
    </r>
    <rPh sb="0" eb="3">
      <t>カシンホウ</t>
    </rPh>
    <rPh sb="11" eb="13">
      <t>キソク</t>
    </rPh>
    <rPh sb="14" eb="17">
      <t>フゾクショ</t>
    </rPh>
    <rPh sb="22" eb="24">
      <t>カンキョウ</t>
    </rPh>
    <rPh sb="24" eb="27">
      <t>ホゴホウ</t>
    </rPh>
    <phoneticPr fontId="7"/>
  </si>
  <si>
    <r>
      <rPr>
        <sz val="10"/>
        <rFont val="ＭＳ Ｐゴシック"/>
        <family val="3"/>
        <charset val="128"/>
      </rPr>
      <t>フッ素系温室効果ガス（</t>
    </r>
    <r>
      <rPr>
        <sz val="10"/>
        <rFont val="Arial"/>
        <family val="2"/>
      </rPr>
      <t>HFC/PFC/SF6</t>
    </r>
    <r>
      <rPr>
        <sz val="10"/>
        <rFont val="ＭＳ Ｐゴシック"/>
        <family val="3"/>
        <charset val="128"/>
      </rPr>
      <t>）</t>
    </r>
  </si>
  <si>
    <r>
      <rPr>
        <sz val="10"/>
        <rFont val="ＭＳ Ｐゴシック"/>
        <family val="3"/>
        <charset val="128"/>
      </rPr>
      <t>ドイツ</t>
    </r>
    <r>
      <rPr>
        <sz val="10"/>
        <rFont val="Arial"/>
        <family val="2"/>
      </rPr>
      <t xml:space="preserve"> </t>
    </r>
    <r>
      <rPr>
        <sz val="10"/>
        <rFont val="ＭＳ Ｐゴシック"/>
        <family val="3"/>
        <charset val="128"/>
      </rPr>
      <t>化学品禁止規則、デンマーク</t>
    </r>
    <r>
      <rPr>
        <sz val="10"/>
        <rFont val="Arial"/>
        <family val="2"/>
      </rPr>
      <t xml:space="preserve"> </t>
    </r>
    <r>
      <rPr>
        <sz val="10"/>
        <rFont val="ＭＳ Ｐゴシック"/>
        <family val="3"/>
        <charset val="128"/>
      </rPr>
      <t>ホルムアルデヒド規制</t>
    </r>
    <rPh sb="4" eb="7">
      <t>カガクヒン</t>
    </rPh>
    <rPh sb="7" eb="9">
      <t>キンシ</t>
    </rPh>
    <rPh sb="9" eb="11">
      <t>キソク</t>
    </rPh>
    <rPh sb="26" eb="28">
      <t>キセイ</t>
    </rPh>
    <phoneticPr fontId="7"/>
  </si>
  <si>
    <r>
      <rPr>
        <sz val="10"/>
        <rFont val="ＭＳ Ｐゴシック"/>
        <family val="3"/>
        <charset val="128"/>
      </rPr>
      <t>米国加州</t>
    </r>
    <r>
      <rPr>
        <sz val="10"/>
        <rFont val="Arial"/>
        <family val="2"/>
      </rPr>
      <t xml:space="preserve"> </t>
    </r>
    <r>
      <rPr>
        <sz val="10"/>
        <rFont val="ＭＳ Ｐゴシック"/>
        <family val="3"/>
        <charset val="128"/>
      </rPr>
      <t>過塩素酸塩管理規則</t>
    </r>
    <rPh sb="0" eb="2">
      <t>ベイコク</t>
    </rPh>
    <rPh sb="2" eb="3">
      <t>カ</t>
    </rPh>
    <rPh sb="3" eb="4">
      <t>シュウ</t>
    </rPh>
    <rPh sb="5" eb="6">
      <t>カ</t>
    </rPh>
    <rPh sb="6" eb="8">
      <t>エンソ</t>
    </rPh>
    <rPh sb="8" eb="9">
      <t>サン</t>
    </rPh>
    <rPh sb="9" eb="10">
      <t>エン</t>
    </rPh>
    <rPh sb="10" eb="12">
      <t>カンリ</t>
    </rPh>
    <rPh sb="12" eb="14">
      <t>キソク</t>
    </rPh>
    <phoneticPr fontId="7"/>
  </si>
  <si>
    <r>
      <rPr>
        <sz val="10"/>
        <rFont val="ＭＳ Ｐゴシック"/>
        <family val="3"/>
        <charset val="128"/>
      </rPr>
      <t>ジオクチルスズ化合物</t>
    </r>
    <r>
      <rPr>
        <sz val="10"/>
        <rFont val="Arial"/>
        <family val="2"/>
      </rPr>
      <t xml:space="preserve"> </t>
    </r>
    <r>
      <rPr>
        <sz val="10"/>
        <rFont val="ＭＳ Ｐゴシック"/>
        <family val="3"/>
        <charset val="128"/>
      </rPr>
      <t>（</t>
    </r>
    <r>
      <rPr>
        <sz val="10"/>
        <rFont val="Arial"/>
        <family val="2"/>
      </rPr>
      <t>DOT</t>
    </r>
    <r>
      <rPr>
        <sz val="10"/>
        <rFont val="ＭＳ Ｐゴシック"/>
        <family val="3"/>
        <charset val="128"/>
      </rPr>
      <t>）</t>
    </r>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11" eb="14">
      <t>フゾクショ</t>
    </rPh>
    <phoneticPr fontId="7"/>
  </si>
  <si>
    <r>
      <rPr>
        <sz val="10"/>
        <rFont val="ＭＳ Ｐゴシック"/>
        <family val="3"/>
        <charset val="128"/>
      </rPr>
      <t>オゾン層破壊物質</t>
    </r>
    <r>
      <rPr>
        <sz val="10"/>
        <rFont val="Arial"/>
        <family val="2"/>
      </rPr>
      <t xml:space="preserve"> </t>
    </r>
  </si>
  <si>
    <t>No.</t>
    <phoneticPr fontId="7"/>
  </si>
  <si>
    <t>Red phosphorus</t>
    <phoneticPr fontId="7"/>
  </si>
  <si>
    <r>
      <rPr>
        <sz val="10"/>
        <rFont val="ＭＳ Ｐゴシック"/>
        <family val="3"/>
        <charset val="128"/>
      </rPr>
      <t>化審法、</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phoneticPr fontId="7"/>
  </si>
  <si>
    <r>
      <t>RoHS</t>
    </r>
    <r>
      <rPr>
        <sz val="10"/>
        <rFont val="ＭＳ Ｐゴシック"/>
        <family val="3"/>
        <charset val="128"/>
      </rPr>
      <t>関連のフタル酸エステル</t>
    </r>
    <r>
      <rPr>
        <sz val="10"/>
        <rFont val="Arial"/>
        <family val="2"/>
      </rPr>
      <t>4</t>
    </r>
    <r>
      <rPr>
        <sz val="10"/>
        <rFont val="ＭＳ Ｐゴシック"/>
        <family val="3"/>
        <charset val="128"/>
      </rPr>
      <t>物質以外のフタル酸エステル類</t>
    </r>
    <phoneticPr fontId="7"/>
  </si>
  <si>
    <r>
      <rPr>
        <sz val="11"/>
        <rFont val="ＭＳ Ｐゴシック"/>
        <family val="3"/>
        <charset val="128"/>
      </rPr>
      <t>含有化学物質につき以下の通りであることを報告します／</t>
    </r>
    <rPh sb="0" eb="2">
      <t>ガンユウ</t>
    </rPh>
    <rPh sb="2" eb="4">
      <t>カガク</t>
    </rPh>
    <phoneticPr fontId="7"/>
  </si>
  <si>
    <t>We report the following verified results on the chemical substances.</t>
    <phoneticPr fontId="7"/>
  </si>
  <si>
    <r>
      <t xml:space="preserve">*1) </t>
    </r>
    <r>
      <rPr>
        <sz val="9"/>
        <rFont val="ＭＳ Ｐゴシック"/>
        <family val="3"/>
        <charset val="128"/>
      </rPr>
      <t>含有率の算出単位は特に記載のない場合は均質材料です／</t>
    </r>
    <phoneticPr fontId="7"/>
  </si>
  <si>
    <r>
      <t>*2) EU</t>
    </r>
    <r>
      <rPr>
        <sz val="9"/>
        <rFont val="ＭＳ Ｐゴシック"/>
        <family val="3"/>
        <charset val="128"/>
      </rPr>
      <t>包装材指令等により、包装材料用部品、包装用材料については、部材、インキ、塗料毎に含まれるカドミウム、鉛、水銀、六価クロムの合計が</t>
    </r>
    <r>
      <rPr>
        <sz val="9"/>
        <rFont val="Arial"/>
        <family val="2"/>
      </rPr>
      <t>100ppm</t>
    </r>
    <r>
      <rPr>
        <sz val="9"/>
        <rFont val="ＭＳ Ｐゴシック"/>
        <family val="3"/>
        <charset val="128"/>
      </rPr>
      <t>以下です／</t>
    </r>
    <phoneticPr fontId="7"/>
  </si>
  <si>
    <t>When the result shows "Not Applicable", we complete the A2-Appendix where the use of each substance is detailed and attach it.</t>
    <phoneticPr fontId="7"/>
  </si>
  <si>
    <t>Nickel and its compound</t>
    <phoneticPr fontId="7"/>
  </si>
  <si>
    <t>Tris (2-chloroethyl) phosphate (TCEP)</t>
    <phoneticPr fontId="7"/>
  </si>
  <si>
    <t>Tris(2-chloro-1-methylethyl) phosphate (TCPP)</t>
    <phoneticPr fontId="7"/>
  </si>
  <si>
    <t>Tris(1,3-dichloro-2-propyl) phosphate (TDCPP)</t>
    <phoneticPr fontId="7"/>
  </si>
  <si>
    <t>When the result shows "Not Applicable", we complete the B2-Appendix where the use of each substance is detailed and attach it.</t>
    <phoneticPr fontId="7"/>
  </si>
  <si>
    <r>
      <rPr>
        <sz val="11"/>
        <rFont val="ＭＳ Ｐゴシック"/>
        <family val="3"/>
        <charset val="128"/>
      </rPr>
      <t>樹脂またはゴム中に使用されている／</t>
    </r>
    <r>
      <rPr>
        <sz val="9"/>
        <rFont val="Arial"/>
        <family val="2"/>
      </rPr>
      <t>Used in plastic  or rubber.</t>
    </r>
    <rPh sb="0" eb="2">
      <t>ジュシ</t>
    </rPh>
    <rPh sb="7" eb="8">
      <t>チュウ</t>
    </rPh>
    <rPh sb="9" eb="11">
      <t>シヨウ</t>
    </rPh>
    <phoneticPr fontId="7"/>
  </si>
  <si>
    <r>
      <rPr>
        <sz val="11"/>
        <rFont val="ＭＳ Ｐゴシック"/>
        <family val="3"/>
        <charset val="128"/>
      </rPr>
      <t>使用可／</t>
    </r>
  </si>
  <si>
    <r>
      <rPr>
        <sz val="11"/>
        <rFont val="ＭＳ Ｐゴシック"/>
        <family val="3"/>
        <charset val="128"/>
      </rPr>
      <t>（記入必須）代替困難理由・使用箇所／</t>
    </r>
    <r>
      <rPr>
        <sz val="9"/>
        <rFont val="Arial"/>
        <family val="2"/>
      </rPr>
      <t>(Required fields) Reason for "difficult to substitute" and Point of use</t>
    </r>
    <rPh sb="1" eb="3">
      <t>キニュウ</t>
    </rPh>
    <rPh sb="3" eb="5">
      <t>ヒッスウ</t>
    </rPh>
    <phoneticPr fontId="7"/>
  </si>
  <si>
    <r>
      <rPr>
        <sz val="10"/>
        <rFont val="ＭＳ Ｐゴシック"/>
        <family val="3"/>
        <charset val="128"/>
      </rPr>
      <t>化審法、</t>
    </r>
    <r>
      <rPr>
        <sz val="10"/>
        <rFont val="Arial"/>
        <family val="2"/>
      </rPr>
      <t>EU POPs</t>
    </r>
    <r>
      <rPr>
        <sz val="10"/>
        <rFont val="ＭＳ Ｐゴシック"/>
        <family val="3"/>
        <charset val="128"/>
      </rPr>
      <t>規則</t>
    </r>
    <rPh sb="0" eb="3">
      <t>カシンホウ</t>
    </rPh>
    <rPh sb="11" eb="13">
      <t>キソク</t>
    </rPh>
    <phoneticPr fontId="7"/>
  </si>
  <si>
    <r>
      <rPr>
        <sz val="10"/>
        <rFont val="ＭＳ Ｐゴシック"/>
        <family val="3"/>
        <charset val="128"/>
      </rPr>
      <t>ホウ酸</t>
    </r>
    <phoneticPr fontId="7"/>
  </si>
  <si>
    <r>
      <rPr>
        <sz val="10"/>
        <rFont val="ＭＳ Ｐゴシック"/>
        <family val="3"/>
        <charset val="128"/>
      </rPr>
      <t>多環芳香族炭化水素（</t>
    </r>
    <r>
      <rPr>
        <sz val="10"/>
        <rFont val="Arial"/>
        <family val="2"/>
      </rPr>
      <t>PAH</t>
    </r>
    <r>
      <rPr>
        <sz val="10"/>
        <rFont val="ＭＳ Ｐゴシック"/>
        <family val="3"/>
        <charset val="128"/>
      </rPr>
      <t>）</t>
    </r>
    <phoneticPr fontId="7"/>
  </si>
  <si>
    <t>13(b)-(I)</t>
    <phoneticPr fontId="7"/>
  </si>
  <si>
    <r>
      <rPr>
        <sz val="11"/>
        <rFont val="ＭＳ Ｐゴシック"/>
        <family val="3"/>
        <charset val="128"/>
      </rPr>
      <t>上記以外の</t>
    </r>
    <r>
      <rPr>
        <sz val="11"/>
        <rFont val="Arial"/>
        <family val="2"/>
      </rPr>
      <t>EU RoHS</t>
    </r>
    <r>
      <rPr>
        <sz val="11"/>
        <rFont val="ＭＳ Ｐゴシック"/>
        <family val="3"/>
        <charset val="128"/>
      </rPr>
      <t>指令で定められた適用除外用途に使用されており、採用部門の許可を得ている／</t>
    </r>
    <rPh sb="15" eb="16">
      <t>サダ</t>
    </rPh>
    <rPh sb="20" eb="22">
      <t>テキヨウ</t>
    </rPh>
    <phoneticPr fontId="7"/>
  </si>
  <si>
    <r>
      <rPr>
        <sz val="10"/>
        <rFont val="ＭＳ Ｐゴシック"/>
        <family val="3"/>
        <charset val="128"/>
      </rPr>
      <t>物質名</t>
    </r>
    <rPh sb="0" eb="2">
      <t>ブッシツ</t>
    </rPh>
    <rPh sb="2" eb="3">
      <t>メイ</t>
    </rPh>
    <phoneticPr fontId="7"/>
  </si>
  <si>
    <r>
      <rPr>
        <sz val="10"/>
        <rFont val="ＭＳ Ｐゴシック"/>
        <family val="3"/>
        <charset val="128"/>
      </rPr>
      <t>←</t>
    </r>
  </si>
  <si>
    <t>&lt; AnnexIII / AnnexIV &gt;</t>
  </si>
  <si>
    <t>Used in photo-lithography processes for semiconductors or in etching processes for compound semiconductors</t>
    <phoneticPr fontId="7"/>
  </si>
  <si>
    <t>-</t>
    <phoneticPr fontId="7"/>
  </si>
  <si>
    <t>Total content of 4 substances (DEHP, DBP, BBP, DIBP) is 1000ppm or less.</t>
    <phoneticPr fontId="10"/>
  </si>
  <si>
    <t>Perfluorooctanoic acid (PFOA) and its salts and PFOA-related substances *3)</t>
    <phoneticPr fontId="7"/>
  </si>
  <si>
    <t>All of the following (1) to (4) are satisfied.
(1) In the case of plastics, the content is 300ppm or less.
(2) In the case of batteries, comply with the EU Battery Directive
      (2006/66/EC, 2013/56/EU).
(3) In case of use in toy/products for children, 
     not correspond to the banned criteria of both (1) and (2) in 2 of A2-Appendix.
(4) In the cases other than the above (1) to (3), the content is 1000ppm or less.</t>
    <phoneticPr fontId="7"/>
  </si>
  <si>
    <t>Diisononyl Phthalate:DINP, Diisodecyl phthalate:DIDP or Di-n-octyl phthalate:DNOP is used in parts/materials that is used in products that are children's toy or child care article that can be placed in a child's mouth (over 1000ppm in total).</t>
    <phoneticPr fontId="7"/>
  </si>
  <si>
    <t xml:space="preserve">Total content of  content is 1000ppm or less regarding other than following four phthalates. 
Bis(2-ethylhexyl)phthalate:DEHP, Dibutyl phthalate: DBP, Bis(butylbenzyl) phthalate: BBP, Diisobutyl phthalate: DIBP, </t>
    <phoneticPr fontId="7"/>
  </si>
  <si>
    <t>Regarding Ozone-depleting substances, scoped substances are CFC, 1,1,1-trichloroethane, Carbon tetrachloride, Bromomethane, Bromochloromethane, Halon, HBFC and HCFC.</t>
    <phoneticPr fontId="7"/>
  </si>
  <si>
    <r>
      <rPr>
        <sz val="11"/>
        <rFont val="Arial"/>
        <family val="2"/>
      </rPr>
      <t>RoHS</t>
    </r>
    <r>
      <rPr>
        <sz val="11"/>
        <rFont val="ＭＳ Ｐゴシック"/>
        <family val="3"/>
        <charset val="128"/>
      </rPr>
      <t>適用除外</t>
    </r>
    <r>
      <rPr>
        <sz val="11"/>
        <rFont val="Arial"/>
        <family val="2"/>
      </rPr>
      <t>No.</t>
    </r>
    <r>
      <rPr>
        <sz val="11"/>
        <rFont val="ＭＳ Ｐゴシック"/>
        <family val="3"/>
        <charset val="128"/>
      </rPr>
      <t>／</t>
    </r>
    <r>
      <rPr>
        <sz val="9"/>
        <rFont val="Arial"/>
        <family val="2"/>
      </rPr>
      <t>RoHS Exemption No. :</t>
    </r>
    <rPh sb="4" eb="6">
      <t>テキヨウ</t>
    </rPh>
    <phoneticPr fontId="7"/>
  </si>
  <si>
    <r>
      <rPr>
        <sz val="11"/>
        <rFont val="ＭＳ Ｐゴシック"/>
        <family val="3"/>
        <charset val="128"/>
      </rPr>
      <t>下記（</t>
    </r>
    <r>
      <rPr>
        <sz val="11"/>
        <rFont val="Arial"/>
        <family val="2"/>
      </rPr>
      <t>2</t>
    </r>
    <r>
      <rPr>
        <sz val="11"/>
        <rFont val="ＭＳ Ｐゴシック"/>
        <family val="3"/>
        <charset val="128"/>
      </rPr>
      <t>）以外である／</t>
    </r>
    <rPh sb="5" eb="7">
      <t>イガイ</t>
    </rPh>
    <phoneticPr fontId="7"/>
  </si>
  <si>
    <r>
      <rPr>
        <sz val="11"/>
        <rFont val="ＭＳ Ｐゴシック"/>
        <family val="3"/>
        <charset val="128"/>
      </rPr>
      <t>（記入必須）使用されている除外用途／</t>
    </r>
    <r>
      <rPr>
        <sz val="9"/>
        <rFont val="Arial"/>
        <family val="2"/>
      </rPr>
      <t>(Required fields)  Applied exemption</t>
    </r>
    <rPh sb="6" eb="8">
      <t>シヨウ</t>
    </rPh>
    <rPh sb="13" eb="15">
      <t>ジョガイ</t>
    </rPh>
    <rPh sb="15" eb="17">
      <t>ヨウト</t>
    </rPh>
    <phoneticPr fontId="7"/>
  </si>
  <si>
    <t>Used in every application other than the following (2)-(5).</t>
    <phoneticPr fontId="7"/>
  </si>
  <si>
    <t>8(b)-I</t>
    <phoneticPr fontId="7"/>
  </si>
  <si>
    <t>-</t>
    <phoneticPr fontId="7"/>
  </si>
  <si>
    <t>13(b)-(II)</t>
    <phoneticPr fontId="7"/>
  </si>
  <si>
    <t>13(b)-(III)</t>
    <phoneticPr fontId="7"/>
  </si>
  <si>
    <t>Using exemptions listed in EU RoHS directive other than above and having permission from adoption decision.</t>
    <phoneticPr fontId="7"/>
  </si>
  <si>
    <t>15(a)</t>
    <phoneticPr fontId="7"/>
  </si>
  <si>
    <t>-</t>
    <phoneticPr fontId="7"/>
  </si>
  <si>
    <t>13(b)-(III)</t>
    <phoneticPr fontId="7"/>
  </si>
  <si>
    <t>Using exemptions listed in EU RoHS directive other than above and having permission from adoption decision.</t>
    <phoneticPr fontId="7"/>
  </si>
  <si>
    <t>Bis(2-ethylhexyl)phthalate (DEHP), Dibutyl phthalate (DBP), Bis(butylbenzyl) phthalate (BBP), Diisobutyl phthalate (DIBP)</t>
    <phoneticPr fontId="7"/>
  </si>
  <si>
    <t>-</t>
    <phoneticPr fontId="7"/>
  </si>
  <si>
    <t>Used other than the following (2).</t>
    <phoneticPr fontId="7"/>
  </si>
  <si>
    <t>In the case of parts/materials used in the product that is both "regulated EU RoHS Directive" and "other than Children's toy or child care article", content of DEHP, DBP, BBP and DIBP is 1000ppm or less respectively.</t>
    <phoneticPr fontId="7"/>
  </si>
  <si>
    <t xml:space="preserve">   The number of this column is that of an exempted application of EU RoHS directive Annex III (2011/65/EU) .</t>
    <phoneticPr fontId="7"/>
  </si>
  <si>
    <r>
      <t>EU RoHS</t>
    </r>
    <r>
      <rPr>
        <sz val="10"/>
        <rFont val="ＭＳ Ｐゴシック"/>
        <family val="3"/>
        <charset val="128"/>
      </rPr>
      <t>指令（欧州委員会委任指令</t>
    </r>
    <r>
      <rPr>
        <sz val="10"/>
        <rFont val="Arial"/>
        <family val="2"/>
      </rPr>
      <t>2015/863</t>
    </r>
    <r>
      <rPr>
        <sz val="10"/>
        <rFont val="ＭＳ Ｐゴシック"/>
        <family val="3"/>
        <charset val="128"/>
      </rPr>
      <t>）、</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rPh sb="7" eb="9">
      <t>シレイ</t>
    </rPh>
    <rPh sb="10" eb="12">
      <t>オウシュウ</t>
    </rPh>
    <rPh sb="12" eb="15">
      <t>イインカイ</t>
    </rPh>
    <rPh sb="15" eb="17">
      <t>イニン</t>
    </rPh>
    <rPh sb="17" eb="19">
      <t>シレイ</t>
    </rPh>
    <rPh sb="37" eb="39">
      <t>キソク</t>
    </rPh>
    <rPh sb="40" eb="43">
      <t>フゾクショ</t>
    </rPh>
    <phoneticPr fontId="7"/>
  </si>
  <si>
    <r>
      <rPr>
        <sz val="10"/>
        <rFont val="ＭＳ Ｐゴシック"/>
        <family val="3"/>
        <charset val="128"/>
      </rPr>
      <t>パーフルオロオクタン酸（</t>
    </r>
    <r>
      <rPr>
        <sz val="10"/>
        <rFont val="Arial"/>
        <family val="2"/>
      </rPr>
      <t>PFOA</t>
    </r>
    <r>
      <rPr>
        <sz val="10"/>
        <rFont val="ＭＳ Ｐゴシック"/>
        <family val="3"/>
        <charset val="128"/>
      </rPr>
      <t>）とその塩および</t>
    </r>
    <r>
      <rPr>
        <sz val="10"/>
        <rFont val="Arial"/>
        <family val="2"/>
      </rPr>
      <t>PFOA</t>
    </r>
    <r>
      <rPr>
        <sz val="10"/>
        <rFont val="ＭＳ Ｐゴシック"/>
        <family val="3"/>
        <charset val="128"/>
      </rPr>
      <t>関連物質</t>
    </r>
    <phoneticPr fontId="7"/>
  </si>
  <si>
    <r>
      <rPr>
        <sz val="10"/>
        <rFont val="ＭＳ Ｐゴシック"/>
        <family val="3"/>
        <charset val="128"/>
      </rPr>
      <t>調査対象物質一覧</t>
    </r>
  </si>
  <si>
    <r>
      <rPr>
        <sz val="10"/>
        <rFont val="ＭＳ Ｐゴシック"/>
        <family val="3"/>
        <charset val="128"/>
      </rPr>
      <t>ニッケル</t>
    </r>
  </si>
  <si>
    <r>
      <rPr>
        <sz val="10"/>
        <rFont val="ＭＳ Ｐゴシック"/>
        <family val="3"/>
        <charset val="128"/>
      </rPr>
      <t>四ホウ酸二ナトリウム無水物、四ホウ酸二ナトリウム水和物</t>
    </r>
  </si>
  <si>
    <r>
      <rPr>
        <sz val="10"/>
        <rFont val="ＭＳ Ｐゴシック"/>
        <family val="3"/>
        <charset val="128"/>
      </rPr>
      <t>パーフルオロオクタン酸（</t>
    </r>
    <r>
      <rPr>
        <sz val="10"/>
        <rFont val="Arial"/>
        <family val="2"/>
      </rPr>
      <t>PFOA</t>
    </r>
    <r>
      <rPr>
        <sz val="10"/>
        <rFont val="ＭＳ Ｐゴシック"/>
        <family val="3"/>
        <charset val="128"/>
      </rPr>
      <t>）とその塩およびそのエステル</t>
    </r>
  </si>
  <si>
    <r>
      <rPr>
        <sz val="10"/>
        <rFont val="ＭＳ Ｐゴシック"/>
        <family val="3"/>
        <charset val="128"/>
      </rPr>
      <t>赤リン</t>
    </r>
  </si>
  <si>
    <r>
      <rPr>
        <sz val="11"/>
        <color theme="1"/>
        <rFont val="ＭＳ Ｐゴシック"/>
        <family val="3"/>
        <charset val="128"/>
      </rPr>
      <t>確認内容（判定基準）／</t>
    </r>
    <r>
      <rPr>
        <sz val="9"/>
        <color theme="1"/>
        <rFont val="Arial"/>
        <family val="2"/>
      </rPr>
      <t>Check point (Criteria)</t>
    </r>
    <phoneticPr fontId="7"/>
  </si>
  <si>
    <r>
      <rPr>
        <b/>
        <sz val="11"/>
        <color theme="0"/>
        <rFont val="ＭＳ Ｐゴシック"/>
        <family val="3"/>
        <charset val="128"/>
      </rPr>
      <t xml:space="preserve">使用禁止／
</t>
    </r>
    <r>
      <rPr>
        <b/>
        <sz val="9"/>
        <color theme="0"/>
        <rFont val="Arial"/>
        <family val="2"/>
      </rPr>
      <t>Banned</t>
    </r>
    <phoneticPr fontId="7"/>
  </si>
  <si>
    <r>
      <rPr>
        <sz val="11"/>
        <rFont val="ＭＳ Ｐゴシック"/>
        <family val="3"/>
        <charset val="128"/>
      </rPr>
      <t>赤リン／</t>
    </r>
    <r>
      <rPr>
        <sz val="9"/>
        <rFont val="Arial"/>
        <family val="2"/>
      </rPr>
      <t>Red phosphorus</t>
    </r>
    <rPh sb="0" eb="1">
      <t>アカ</t>
    </rPh>
    <phoneticPr fontId="7"/>
  </si>
  <si>
    <r>
      <t xml:space="preserve">&lt; </t>
    </r>
    <r>
      <rPr>
        <sz val="9"/>
        <color theme="1"/>
        <rFont val="ＭＳ Ｐゴシック"/>
        <family val="3"/>
        <charset val="128"/>
      </rPr>
      <t>判定基準を満たす／</t>
    </r>
    <r>
      <rPr>
        <sz val="9"/>
        <color theme="1"/>
        <rFont val="Arial"/>
        <family val="2"/>
      </rPr>
      <t>Meet criteria: "Applicable"</t>
    </r>
    <r>
      <rPr>
        <sz val="9"/>
        <color theme="1"/>
        <rFont val="ＭＳ Ｐゴシック"/>
        <family val="3"/>
        <charset val="128"/>
      </rPr>
      <t>、満たさない／</t>
    </r>
    <r>
      <rPr>
        <sz val="9"/>
        <color theme="1"/>
        <rFont val="Arial"/>
        <family val="2"/>
      </rPr>
      <t>Do not meet criteria: "Not Applicable" &gt;</t>
    </r>
  </si>
  <si>
    <r>
      <rPr>
        <sz val="11"/>
        <color theme="1"/>
        <rFont val="ＭＳ Ｐゴシック"/>
        <family val="3"/>
        <charset val="128"/>
      </rPr>
      <t>化学物質名／</t>
    </r>
    <r>
      <rPr>
        <sz val="9"/>
        <color theme="1"/>
        <rFont val="Arial"/>
        <family val="2"/>
      </rPr>
      <t>Substances</t>
    </r>
    <phoneticPr fontId="7"/>
  </si>
  <si>
    <r>
      <rPr>
        <sz val="11"/>
        <color theme="1"/>
        <rFont val="ＭＳ Ｐゴシック"/>
        <family val="3"/>
        <charset val="128"/>
      </rPr>
      <t>確認内容（判定基準）／</t>
    </r>
    <r>
      <rPr>
        <sz val="9"/>
        <color theme="1"/>
        <rFont val="Arial"/>
        <family val="2"/>
      </rPr>
      <t>Check point (Criteria)</t>
    </r>
    <r>
      <rPr>
        <sz val="11"/>
        <color theme="1"/>
        <rFont val="Arial"/>
        <family val="2"/>
      </rPr>
      <t xml:space="preserve"> *1) </t>
    </r>
    <phoneticPr fontId="7"/>
  </si>
  <si>
    <r>
      <rPr>
        <sz val="11"/>
        <color theme="1"/>
        <rFont val="ＭＳ Ｐゴシック"/>
        <family val="3"/>
        <charset val="128"/>
      </rPr>
      <t>意図的に添加していない／</t>
    </r>
    <phoneticPr fontId="7"/>
  </si>
  <si>
    <r>
      <rPr>
        <sz val="11"/>
        <rFont val="ＭＳ Ｐゴシック"/>
        <family val="3"/>
        <charset val="128"/>
      </rPr>
      <t>意図的に添加せず、かつ</t>
    </r>
    <r>
      <rPr>
        <sz val="11"/>
        <rFont val="Arial"/>
        <family val="2"/>
      </rPr>
      <t>1000ppm</t>
    </r>
    <r>
      <rPr>
        <sz val="11"/>
        <rFont val="ＭＳ Ｐゴシック"/>
        <family val="3"/>
        <charset val="128"/>
      </rPr>
      <t>以下の含有である／</t>
    </r>
    <phoneticPr fontId="7"/>
  </si>
  <si>
    <r>
      <rPr>
        <sz val="11"/>
        <rFont val="ＭＳ Ｐゴシック"/>
        <family val="3"/>
        <charset val="128"/>
      </rPr>
      <t>意図的に添加していない／</t>
    </r>
    <phoneticPr fontId="7"/>
  </si>
  <si>
    <r>
      <rPr>
        <sz val="11"/>
        <rFont val="ＭＳ Ｐゴシック"/>
        <family val="3"/>
        <charset val="128"/>
      </rPr>
      <t>ジブチルスズ化合物（</t>
    </r>
    <r>
      <rPr>
        <sz val="11"/>
        <rFont val="Arial"/>
        <family val="2"/>
      </rPr>
      <t>DBT</t>
    </r>
    <r>
      <rPr>
        <sz val="11"/>
        <rFont val="ＭＳ Ｐゴシック"/>
        <family val="3"/>
        <charset val="128"/>
      </rPr>
      <t>）／</t>
    </r>
    <phoneticPr fontId="7"/>
  </si>
  <si>
    <r>
      <rPr>
        <sz val="11"/>
        <rFont val="ＭＳ Ｐゴシック"/>
        <family val="3"/>
        <charset val="128"/>
      </rPr>
      <t>スズの元素として、材料中の</t>
    </r>
    <r>
      <rPr>
        <sz val="11"/>
        <rFont val="Arial"/>
        <family val="2"/>
      </rPr>
      <t>1000ppm</t>
    </r>
    <r>
      <rPr>
        <sz val="11"/>
        <rFont val="ＭＳ Ｐゴシック"/>
        <family val="3"/>
        <charset val="128"/>
      </rPr>
      <t>以下の含有である／</t>
    </r>
    <phoneticPr fontId="7"/>
  </si>
  <si>
    <r>
      <rPr>
        <sz val="11"/>
        <rFont val="ＭＳ Ｐゴシック"/>
        <family val="3"/>
        <charset val="128"/>
      </rPr>
      <t>下記以外のフタル酸エステル類が、合計で</t>
    </r>
    <r>
      <rPr>
        <sz val="11"/>
        <rFont val="Arial"/>
        <family val="2"/>
      </rPr>
      <t>1000ppm</t>
    </r>
    <r>
      <rPr>
        <sz val="11"/>
        <rFont val="ＭＳ Ｐゴシック"/>
        <family val="3"/>
        <charset val="128"/>
      </rPr>
      <t>以下の含有である。
フタル酸ジ（</t>
    </r>
    <r>
      <rPr>
        <sz val="11"/>
        <rFont val="Arial"/>
        <family val="2"/>
      </rPr>
      <t>2-</t>
    </r>
    <r>
      <rPr>
        <sz val="11"/>
        <rFont val="ＭＳ Ｐゴシック"/>
        <family val="3"/>
        <charset val="128"/>
      </rPr>
      <t>エチルヘキシル）：</t>
    </r>
    <r>
      <rPr>
        <sz val="11"/>
        <rFont val="Arial"/>
        <family val="2"/>
      </rPr>
      <t>DEHP</t>
    </r>
    <r>
      <rPr>
        <sz val="11"/>
        <rFont val="ＭＳ Ｐゴシック"/>
        <family val="3"/>
        <charset val="128"/>
      </rPr>
      <t>、フタル酸ジブチル：</t>
    </r>
    <r>
      <rPr>
        <sz val="11"/>
        <rFont val="Arial"/>
        <family val="2"/>
      </rPr>
      <t>DBP</t>
    </r>
    <r>
      <rPr>
        <sz val="11"/>
        <rFont val="ＭＳ Ｐゴシック"/>
        <family val="3"/>
        <charset val="128"/>
      </rPr>
      <t>、フタル酸ブチルベンジル：</t>
    </r>
    <r>
      <rPr>
        <sz val="11"/>
        <rFont val="Arial"/>
        <family val="2"/>
      </rPr>
      <t>BBP</t>
    </r>
    <r>
      <rPr>
        <sz val="11"/>
        <rFont val="ＭＳ Ｐゴシック"/>
        <family val="3"/>
        <charset val="128"/>
      </rPr>
      <t>、フタル酸ジイソブチル：</t>
    </r>
    <r>
      <rPr>
        <sz val="11"/>
        <rFont val="Arial"/>
        <family val="2"/>
      </rPr>
      <t>DIBP</t>
    </r>
    <rPh sb="0" eb="2">
      <t>カキ</t>
    </rPh>
    <rPh sb="2" eb="4">
      <t>イガイ</t>
    </rPh>
    <rPh sb="8" eb="9">
      <t>サン</t>
    </rPh>
    <rPh sb="13" eb="14">
      <t>ルイ</t>
    </rPh>
    <rPh sb="16" eb="18">
      <t>ゴウケイ</t>
    </rPh>
    <phoneticPr fontId="8"/>
  </si>
  <si>
    <r>
      <rPr>
        <sz val="11"/>
        <color theme="1"/>
        <rFont val="ＭＳ Ｐゴシック"/>
        <family val="3"/>
        <charset val="128"/>
      </rPr>
      <t>フッ素系温室効果ガス（</t>
    </r>
    <r>
      <rPr>
        <sz val="11"/>
        <color theme="1"/>
        <rFont val="Arial"/>
        <family val="2"/>
      </rPr>
      <t>HFC/PFC/SF6</t>
    </r>
    <r>
      <rPr>
        <sz val="11"/>
        <color theme="1"/>
        <rFont val="ＭＳ Ｐゴシック"/>
        <family val="3"/>
        <charset val="128"/>
      </rPr>
      <t>）／</t>
    </r>
    <phoneticPr fontId="7"/>
  </si>
  <si>
    <r>
      <rPr>
        <sz val="11"/>
        <color theme="1"/>
        <rFont val="ＭＳ Ｐゴシック"/>
        <family val="3"/>
        <charset val="128"/>
      </rPr>
      <t>ホルムアルデヒド／</t>
    </r>
    <phoneticPr fontId="7"/>
  </si>
  <si>
    <r>
      <rPr>
        <sz val="11"/>
        <color theme="1"/>
        <rFont val="ＭＳ Ｐゴシック"/>
        <family val="3"/>
        <charset val="128"/>
      </rPr>
      <t>木製部品</t>
    </r>
    <r>
      <rPr>
        <sz val="11"/>
        <color theme="1"/>
        <rFont val="Arial"/>
        <family val="2"/>
      </rPr>
      <t xml:space="preserve"> </t>
    </r>
    <r>
      <rPr>
        <sz val="11"/>
        <color theme="1"/>
        <rFont val="ＭＳ Ｐゴシック"/>
        <family val="3"/>
        <charset val="128"/>
      </rPr>
      <t>：</t>
    </r>
    <r>
      <rPr>
        <sz val="11"/>
        <color theme="1"/>
        <rFont val="Arial"/>
        <family val="2"/>
      </rPr>
      <t xml:space="preserve"> </t>
    </r>
    <r>
      <rPr>
        <sz val="11"/>
        <color theme="1"/>
        <rFont val="ＭＳ Ｐゴシック"/>
        <family val="3"/>
        <charset val="128"/>
      </rPr>
      <t>気中濃度</t>
    </r>
    <r>
      <rPr>
        <sz val="11"/>
        <color theme="1"/>
        <rFont val="Arial"/>
        <family val="2"/>
      </rPr>
      <t>0.1ppm</t>
    </r>
    <r>
      <rPr>
        <sz val="11"/>
        <color theme="1"/>
        <rFont val="ＭＳ Ｐゴシック"/>
        <family val="3"/>
        <charset val="128"/>
      </rPr>
      <t>以下（チャンバー法）、
プラスチック・繊維等</t>
    </r>
    <r>
      <rPr>
        <sz val="11"/>
        <color theme="1"/>
        <rFont val="Arial"/>
        <family val="2"/>
      </rPr>
      <t xml:space="preserve"> </t>
    </r>
    <r>
      <rPr>
        <sz val="11"/>
        <color theme="1"/>
        <rFont val="ＭＳ Ｐゴシック"/>
        <family val="3"/>
        <charset val="128"/>
      </rPr>
      <t>：</t>
    </r>
    <r>
      <rPr>
        <sz val="11"/>
        <color theme="1"/>
        <rFont val="Arial"/>
        <family val="2"/>
      </rPr>
      <t xml:space="preserve"> 75ppm</t>
    </r>
    <r>
      <rPr>
        <sz val="11"/>
        <color theme="1"/>
        <rFont val="ＭＳ Ｐゴシック"/>
        <family val="3"/>
        <charset val="128"/>
      </rPr>
      <t>以下の含有である／</t>
    </r>
    <phoneticPr fontId="7"/>
  </si>
  <si>
    <r>
      <rPr>
        <sz val="11"/>
        <color theme="1"/>
        <rFont val="ＭＳ Ｐゴシック"/>
        <family val="3"/>
        <charset val="128"/>
      </rPr>
      <t>過塩素酸塩／</t>
    </r>
    <phoneticPr fontId="7"/>
  </si>
  <si>
    <r>
      <rPr>
        <sz val="11"/>
        <color theme="1"/>
        <rFont val="ＭＳ Ｐゴシック"/>
        <family val="3"/>
        <charset val="128"/>
      </rPr>
      <t>意図的に添加していない（電池のみ調査対象。電池以外は回答不要）／</t>
    </r>
    <phoneticPr fontId="7"/>
  </si>
  <si>
    <r>
      <rPr>
        <sz val="11"/>
        <rFont val="ＭＳ Ｐゴシック"/>
        <family val="3"/>
        <charset val="128"/>
      </rPr>
      <t>ニッケル及びその化合物／</t>
    </r>
    <rPh sb="4" eb="5">
      <t>オヨ</t>
    </rPh>
    <rPh sb="8" eb="10">
      <t>カゴウ</t>
    </rPh>
    <rPh sb="10" eb="11">
      <t>ブツ</t>
    </rPh>
    <phoneticPr fontId="7"/>
  </si>
  <si>
    <r>
      <rPr>
        <sz val="11"/>
        <rFont val="ＭＳ Ｐゴシック"/>
        <family val="3"/>
        <charset val="128"/>
      </rPr>
      <t>ヒ素及びその化合物／</t>
    </r>
    <phoneticPr fontId="7"/>
  </si>
  <si>
    <r>
      <rPr>
        <sz val="11"/>
        <rFont val="ＭＳ Ｐゴシック"/>
        <family val="3"/>
        <charset val="128"/>
      </rPr>
      <t>ホウ酸／</t>
    </r>
    <phoneticPr fontId="7"/>
  </si>
  <si>
    <r>
      <rPr>
        <sz val="11"/>
        <rFont val="ＭＳ Ｐゴシック"/>
        <family val="3"/>
        <charset val="128"/>
      </rPr>
      <t>四ホウ酸二ナトリウム無水物、四ホウ酸二ナトリウム水和物／</t>
    </r>
    <phoneticPr fontId="7"/>
  </si>
  <si>
    <r>
      <rPr>
        <sz val="11"/>
        <rFont val="ＭＳ Ｐゴシック"/>
        <family val="3"/>
        <charset val="128"/>
      </rPr>
      <t>パーフルオロオクタン酸（</t>
    </r>
    <r>
      <rPr>
        <sz val="11"/>
        <rFont val="Arial"/>
        <family val="2"/>
      </rPr>
      <t>PFOA</t>
    </r>
    <r>
      <rPr>
        <sz val="11"/>
        <rFont val="ＭＳ Ｐゴシック"/>
        <family val="3"/>
        <charset val="128"/>
      </rPr>
      <t>）とその塩および</t>
    </r>
    <r>
      <rPr>
        <sz val="11"/>
        <rFont val="Arial"/>
        <family val="2"/>
      </rPr>
      <t>PFOA</t>
    </r>
    <r>
      <rPr>
        <sz val="11"/>
        <rFont val="ＭＳ Ｐゴシック"/>
        <family val="3"/>
        <charset val="128"/>
      </rPr>
      <t>関連物質</t>
    </r>
    <r>
      <rPr>
        <sz val="11"/>
        <rFont val="Arial"/>
        <family val="2"/>
      </rPr>
      <t xml:space="preserve"> *3)</t>
    </r>
    <r>
      <rPr>
        <sz val="11"/>
        <rFont val="ＭＳ Ｐゴシック"/>
        <family val="3"/>
        <charset val="128"/>
      </rPr>
      <t>／</t>
    </r>
    <phoneticPr fontId="7"/>
  </si>
  <si>
    <r>
      <rPr>
        <sz val="11"/>
        <rFont val="ＭＳ Ｐゴシック"/>
        <family val="3"/>
        <charset val="128"/>
      </rPr>
      <t>塩素系難燃剤／</t>
    </r>
    <phoneticPr fontId="7"/>
  </si>
  <si>
    <r>
      <rPr>
        <sz val="11"/>
        <rFont val="ＭＳ Ｐゴシック"/>
        <family val="3"/>
        <charset val="128"/>
      </rPr>
      <t>リン酸トリス（</t>
    </r>
    <r>
      <rPr>
        <sz val="11"/>
        <rFont val="Arial"/>
        <family val="2"/>
      </rPr>
      <t>2-</t>
    </r>
    <r>
      <rPr>
        <sz val="11"/>
        <rFont val="ＭＳ Ｐゴシック"/>
        <family val="3"/>
        <charset val="128"/>
      </rPr>
      <t>クロロエチル）（</t>
    </r>
    <r>
      <rPr>
        <sz val="11"/>
        <rFont val="Arial"/>
        <family val="2"/>
      </rPr>
      <t>TCEP</t>
    </r>
    <r>
      <rPr>
        <sz val="11"/>
        <rFont val="ＭＳ Ｐゴシック"/>
        <family val="3"/>
        <charset val="128"/>
      </rPr>
      <t>）／</t>
    </r>
    <phoneticPr fontId="7"/>
  </si>
  <si>
    <r>
      <rPr>
        <sz val="11"/>
        <rFont val="ＭＳ Ｐゴシック"/>
        <family val="3"/>
        <charset val="128"/>
      </rPr>
      <t>赤リン</t>
    </r>
    <rPh sb="0" eb="1">
      <t>セキ</t>
    </rPh>
    <phoneticPr fontId="7"/>
  </si>
  <si>
    <r>
      <t>Rinse solution</t>
    </r>
    <r>
      <rPr>
        <sz val="9"/>
        <color theme="1"/>
        <rFont val="ＭＳ Ｐゴシック"/>
        <family val="3"/>
        <charset val="128"/>
      </rPr>
      <t>：</t>
    </r>
  </si>
  <si>
    <r>
      <t>Rinse method</t>
    </r>
    <r>
      <rPr>
        <sz val="9"/>
        <color theme="1"/>
        <rFont val="ＭＳ Ｐゴシック"/>
        <family val="3"/>
        <charset val="128"/>
      </rPr>
      <t>：</t>
    </r>
  </si>
  <si>
    <r>
      <t>A.RoHS</t>
    </r>
    <r>
      <rPr>
        <b/>
        <sz val="12"/>
        <rFont val="ＭＳ Ｐゴシック"/>
        <family val="3"/>
        <charset val="128"/>
      </rPr>
      <t>関連化学物質／</t>
    </r>
    <r>
      <rPr>
        <b/>
        <sz val="8"/>
        <rFont val="Arial"/>
        <family val="2"/>
      </rPr>
      <t>RoHS-related chemical Substances</t>
    </r>
    <rPh sb="8" eb="10">
      <t>カガク</t>
    </rPh>
    <rPh sb="10" eb="12">
      <t>ブッシツ</t>
    </rPh>
    <phoneticPr fontId="7"/>
  </si>
  <si>
    <t>RoHS (appendix) 
1/2 ~ 2/2</t>
    <phoneticPr fontId="7"/>
  </si>
  <si>
    <t>6(a)-I</t>
    <phoneticPr fontId="7"/>
  </si>
  <si>
    <t>6(b)-II</t>
    <phoneticPr fontId="7"/>
  </si>
  <si>
    <t>7(c)-I</t>
    <phoneticPr fontId="7"/>
  </si>
  <si>
    <t>13(a)</t>
    <phoneticPr fontId="7"/>
  </si>
  <si>
    <t>7(c)-II</t>
    <phoneticPr fontId="7"/>
  </si>
  <si>
    <r>
      <rPr>
        <sz val="10"/>
        <rFont val="ＭＳ Ｐゴシック"/>
        <family val="3"/>
        <charset val="128"/>
      </rPr>
      <t>米国バーモント州</t>
    </r>
    <r>
      <rPr>
        <sz val="10"/>
        <rFont val="Arial"/>
        <family val="2"/>
      </rPr>
      <t>Act85</t>
    </r>
    <r>
      <rPr>
        <sz val="10"/>
        <color rgb="FFFF0000"/>
        <rFont val="ＭＳ Ｐゴシック"/>
        <family val="3"/>
        <charset val="128"/>
      </rPr>
      <t/>
    </r>
    <rPh sb="0" eb="2">
      <t>ベイコク</t>
    </rPh>
    <rPh sb="7" eb="8">
      <t>シュウ</t>
    </rPh>
    <phoneticPr fontId="7"/>
  </si>
  <si>
    <t>The four types of phthalates (DEHP, BBP, DBP, DIBP) are mainly used as plasticizers for soft resins, and have the property of being transferred from other products by contact (migration).
Since there is a possibility of transfer from packaging to parts and materials, please report the substances containing in the packaging with the same standard (threshold).</t>
    <phoneticPr fontId="7"/>
  </si>
  <si>
    <t>Used in motor vehicles or replacement parts or replacement equipment for motor vehicles.</t>
    <phoneticPr fontId="7"/>
  </si>
  <si>
    <t>Used in commercial or residential building insulation or wiring that otherwise complies with the Construction Codes Supplement, set forth in Title 12 of the District of Columbia Municipal Regulations</t>
    <phoneticPr fontId="7"/>
  </si>
  <si>
    <t>Used in desktop and laptop computers, audio and video equipment, calculators, wireless telephones, game consoles, handheld devices incorporating a screen that are used to access interactive software and their associated peripherals, and cables, adaptors, and other similar connecting devices; or.</t>
    <phoneticPr fontId="7"/>
  </si>
  <si>
    <t>Used in storage media, such as compact discs, for interactive software, such as computer games.</t>
    <phoneticPr fontId="7"/>
  </si>
  <si>
    <t>Bis(2-ethylhexyl)phthalate (DEHP), Dibutyl phthalate (DBP), Bis(butylbenzyl) phthalate (BBP), Diisobutyl phthalate (DIBP) *3)</t>
    <phoneticPr fontId="7"/>
  </si>
  <si>
    <r>
      <rPr>
        <sz val="11"/>
        <rFont val="ＭＳ Ｐゴシック"/>
        <family val="3"/>
        <charset val="128"/>
      </rPr>
      <t>意図的に添加せず、かつ物質・混合物は</t>
    </r>
    <r>
      <rPr>
        <sz val="11"/>
        <rFont val="Arial"/>
        <family val="2"/>
      </rPr>
      <t>10ppm</t>
    </r>
    <r>
      <rPr>
        <sz val="11"/>
        <rFont val="ＭＳ Ｐゴシック"/>
        <family val="3"/>
        <charset val="128"/>
      </rPr>
      <t>以下、物質・混合物以外の半製品・成形品等は</t>
    </r>
    <r>
      <rPr>
        <sz val="11"/>
        <rFont val="Arial"/>
        <family val="2"/>
      </rPr>
      <t>1000ppm</t>
    </r>
    <r>
      <rPr>
        <sz val="11"/>
        <rFont val="ＭＳ Ｐゴシック"/>
        <family val="3"/>
        <charset val="128"/>
      </rPr>
      <t>以下、</t>
    </r>
    <r>
      <rPr>
        <sz val="11"/>
        <rFont val="Arial"/>
        <family val="2"/>
      </rPr>
      <t xml:space="preserve"> </t>
    </r>
    <r>
      <rPr>
        <sz val="11"/>
        <rFont val="ＭＳ Ｐゴシック"/>
        <family val="3"/>
        <charset val="128"/>
      </rPr>
      <t>被覆材は</t>
    </r>
    <r>
      <rPr>
        <sz val="11"/>
        <rFont val="Arial"/>
        <family val="2"/>
      </rPr>
      <t>1μg</t>
    </r>
    <r>
      <rPr>
        <sz val="11"/>
        <rFont val="ＭＳ Ｐゴシック"/>
        <family val="3"/>
        <charset val="128"/>
      </rPr>
      <t>／</t>
    </r>
    <r>
      <rPr>
        <sz val="11"/>
        <rFont val="Arial"/>
        <family val="2"/>
      </rPr>
      <t>m</t>
    </r>
    <r>
      <rPr>
        <vertAlign val="superscript"/>
        <sz val="11"/>
        <rFont val="Arial"/>
        <family val="2"/>
      </rPr>
      <t>2</t>
    </r>
    <r>
      <rPr>
        <sz val="11"/>
        <rFont val="ＭＳ Ｐゴシック"/>
        <family val="3"/>
        <charset val="128"/>
      </rPr>
      <t>以下の含有である／</t>
    </r>
    <rPh sb="14" eb="17">
      <t>コンゴウブツ</t>
    </rPh>
    <rPh sb="29" eb="32">
      <t>コンゴウブツ</t>
    </rPh>
    <phoneticPr fontId="7"/>
  </si>
  <si>
    <r>
      <rPr>
        <sz val="11"/>
        <rFont val="ＭＳ Ｐゴシック"/>
        <family val="3"/>
        <charset val="128"/>
      </rPr>
      <t>ストライキング光学フィルターガラスに使用されている。ただし、</t>
    </r>
    <r>
      <rPr>
        <sz val="11"/>
        <rFont val="Arial"/>
        <family val="2"/>
      </rPr>
      <t>EU RoHS</t>
    </r>
    <r>
      <rPr>
        <sz val="11"/>
        <rFont val="ＭＳ Ｐゴシック"/>
        <family val="3"/>
        <charset val="128"/>
      </rPr>
      <t>指令</t>
    </r>
    <r>
      <rPr>
        <sz val="11"/>
        <rFont val="Arial"/>
        <family val="2"/>
      </rPr>
      <t xml:space="preserve"> </t>
    </r>
    <r>
      <rPr>
        <sz val="11"/>
        <rFont val="ＭＳ Ｐゴシック"/>
        <family val="3"/>
        <charset val="128"/>
      </rPr>
      <t>附属書</t>
    </r>
    <r>
      <rPr>
        <sz val="11"/>
        <rFont val="Arial"/>
        <family val="2"/>
      </rPr>
      <t>III</t>
    </r>
    <r>
      <rPr>
        <sz val="11"/>
        <rFont val="ＭＳ Ｐゴシック"/>
        <family val="3"/>
        <charset val="128"/>
      </rPr>
      <t>の</t>
    </r>
    <r>
      <rPr>
        <sz val="11"/>
        <rFont val="Arial"/>
        <family val="2"/>
      </rPr>
      <t>39</t>
    </r>
    <r>
      <rPr>
        <sz val="11"/>
        <rFont val="ＭＳ Ｐゴシック"/>
        <family val="3"/>
        <charset val="128"/>
      </rPr>
      <t>項目に該当する用途は除く</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Ph sb="18" eb="20">
      <t>シヨウ</t>
    </rPh>
    <phoneticPr fontId="7"/>
  </si>
  <si>
    <t>Used in striking optical filter glass types, excluding applications falling under point 39 of EU RoHS directive annex III [Under deliberation for exemption renewal in EU]*2</t>
    <phoneticPr fontId="7"/>
  </si>
  <si>
    <t>Used in white glass used for an optical purpose [Under deliberation for exemption renewal in EU]*2</t>
    <phoneticPr fontId="7"/>
  </si>
  <si>
    <t>Used in high-melting point solder (lead-based alloys containing 85 % by weight or more lead) [Under deliberation for exemption renewal in EU]*2</t>
    <phoneticPr fontId="7"/>
  </si>
  <si>
    <t>Used in electrical and electronic components in a glass or ceramic other than dielectric ceramic in capacitors, e.g. piezoelectronic devices, or in a glass or ceramic matrix compound [Under deliberation for exemption renewal in EU]*2</t>
    <phoneticPr fontId="7"/>
  </si>
  <si>
    <t>Used less than 0.2% by weight in glass of fluorescent tubes. [Under deliberation for exemption renewal in EU]*2</t>
    <phoneticPr fontId="7"/>
  </si>
  <si>
    <t>Used in white glass used for an optical purpose [Under deliberation for exemption renewal in EU]*2</t>
    <phoneticPr fontId="7"/>
  </si>
  <si>
    <t>Used in ion coloured optical filter glass types [Under deliberation for exemption renewal in EU]*2</t>
    <phoneticPr fontId="7"/>
  </si>
  <si>
    <t>Used in glazes used for reflectance standards [Under deliberation for exemption renewal in EU]*2</t>
    <phoneticPr fontId="7"/>
  </si>
  <si>
    <t>Used in dielectric ceramic used in a capacitor with rated voltage of 125V AC or 250V DC or larger [Under deliberation for exemption renewal in EU]*2</t>
    <phoneticPr fontId="7"/>
  </si>
  <si>
    <r>
      <rPr>
        <sz val="11"/>
        <rFont val="ＭＳ Ｐゴシック"/>
        <family val="3"/>
        <charset val="128"/>
      </rPr>
      <t>上記以外の</t>
    </r>
    <r>
      <rPr>
        <sz val="11"/>
        <rFont val="Arial"/>
        <family val="2"/>
      </rPr>
      <t>EU POPs</t>
    </r>
    <r>
      <rPr>
        <sz val="11"/>
        <rFont val="ＭＳ Ｐゴシック"/>
        <family val="3"/>
        <charset val="128"/>
      </rPr>
      <t>規則</t>
    </r>
    <r>
      <rPr>
        <sz val="11"/>
        <rFont val="Arial"/>
        <family val="2"/>
      </rPr>
      <t xml:space="preserve"> </t>
    </r>
    <r>
      <rPr>
        <sz val="11"/>
        <rFont val="ＭＳ Ｐゴシック"/>
        <family val="3"/>
        <charset val="128"/>
      </rPr>
      <t>附属書</t>
    </r>
    <r>
      <rPr>
        <sz val="11"/>
        <rFont val="Arial"/>
        <family val="2"/>
      </rPr>
      <t>I Part A</t>
    </r>
    <r>
      <rPr>
        <sz val="11"/>
        <rFont val="ＭＳ Ｐゴシック"/>
        <family val="3"/>
        <charset val="128"/>
      </rPr>
      <t>で定められた適用除外用途に使用されており、採用部門の許可を得ている／</t>
    </r>
    <rPh sb="27" eb="28">
      <t>サダ</t>
    </rPh>
    <rPh sb="32" eb="34">
      <t>テキヨウ</t>
    </rPh>
    <phoneticPr fontId="7"/>
  </si>
  <si>
    <r>
      <rPr>
        <sz val="10"/>
        <rFont val="ＭＳ Ｐゴシック"/>
        <family val="3"/>
        <charset val="128"/>
      </rPr>
      <t>米国バーモント州</t>
    </r>
    <r>
      <rPr>
        <sz val="10"/>
        <rFont val="Arial"/>
        <family val="2"/>
      </rPr>
      <t>Act85</t>
    </r>
    <r>
      <rPr>
        <sz val="10"/>
        <rFont val="ＭＳ Ｐゴシック"/>
        <family val="3"/>
        <charset val="128"/>
      </rPr>
      <t>、米国</t>
    </r>
    <r>
      <rPr>
        <sz val="10"/>
        <rFont val="Arial"/>
        <family val="2"/>
      </rPr>
      <t>DC.Law 21-108/2016</t>
    </r>
    <r>
      <rPr>
        <sz val="10"/>
        <color rgb="FFFF0000"/>
        <rFont val="ＭＳ Ｐゴシック"/>
        <family val="3"/>
        <charset val="128"/>
      </rPr>
      <t/>
    </r>
    <rPh sb="0" eb="2">
      <t>ベイコク</t>
    </rPh>
    <rPh sb="7" eb="8">
      <t>シュウ</t>
    </rPh>
    <phoneticPr fontId="7"/>
  </si>
  <si>
    <r>
      <t>EU POPs</t>
    </r>
    <r>
      <rPr>
        <sz val="10"/>
        <rFont val="ＭＳ Ｐゴシック"/>
        <family val="3"/>
        <charset val="128"/>
      </rPr>
      <t>規則</t>
    </r>
    <phoneticPr fontId="7"/>
  </si>
  <si>
    <r>
      <rPr>
        <sz val="10"/>
        <rFont val="ＭＳ Ｐゴシック"/>
        <family val="3"/>
        <charset val="128"/>
      </rPr>
      <t>リン酸トリス（</t>
    </r>
    <r>
      <rPr>
        <sz val="10"/>
        <rFont val="Arial"/>
        <family val="2"/>
      </rPr>
      <t>1-</t>
    </r>
    <r>
      <rPr>
        <sz val="10"/>
        <rFont val="ＭＳ Ｐゴシック"/>
        <family val="3"/>
        <charset val="128"/>
      </rPr>
      <t>メチル</t>
    </r>
    <r>
      <rPr>
        <sz val="10"/>
        <rFont val="Arial"/>
        <family val="2"/>
      </rPr>
      <t>-2-</t>
    </r>
    <r>
      <rPr>
        <sz val="10"/>
        <rFont val="ＭＳ Ｐゴシック"/>
        <family val="3"/>
        <charset val="128"/>
      </rPr>
      <t>クロロエチル）（</t>
    </r>
    <r>
      <rPr>
        <sz val="10"/>
        <rFont val="Arial"/>
        <family val="2"/>
      </rPr>
      <t>TCPP</t>
    </r>
    <r>
      <rPr>
        <sz val="10"/>
        <rFont val="ＭＳ Ｐゴシック"/>
        <family val="3"/>
        <charset val="128"/>
      </rPr>
      <t>）</t>
    </r>
    <phoneticPr fontId="7"/>
  </si>
  <si>
    <r>
      <rPr>
        <sz val="10"/>
        <rFont val="ＭＳ Ｐゴシック"/>
        <family val="3"/>
        <charset val="128"/>
      </rPr>
      <t>フタル酸ジ（</t>
    </r>
    <r>
      <rPr>
        <sz val="10"/>
        <rFont val="Arial"/>
        <family val="2"/>
      </rPr>
      <t>2-</t>
    </r>
    <r>
      <rPr>
        <sz val="10"/>
        <rFont val="ＭＳ Ｐゴシック"/>
        <family val="3"/>
        <charset val="128"/>
      </rPr>
      <t>エチルヘキシル）（</t>
    </r>
    <r>
      <rPr>
        <sz val="10"/>
        <rFont val="Arial"/>
        <family val="2"/>
      </rPr>
      <t>DEHP</t>
    </r>
    <r>
      <rPr>
        <sz val="10"/>
        <rFont val="ＭＳ Ｐゴシック"/>
        <family val="3"/>
        <charset val="128"/>
      </rPr>
      <t>）、フタル酸ジブチル（</t>
    </r>
    <r>
      <rPr>
        <sz val="10"/>
        <rFont val="Arial"/>
        <family val="2"/>
      </rPr>
      <t>DBP</t>
    </r>
    <r>
      <rPr>
        <sz val="10"/>
        <rFont val="ＭＳ Ｐゴシック"/>
        <family val="3"/>
        <charset val="128"/>
      </rPr>
      <t>）、フタル酸ブチルベンジル（</t>
    </r>
    <r>
      <rPr>
        <sz val="10"/>
        <rFont val="Arial"/>
        <family val="2"/>
      </rPr>
      <t>BBP</t>
    </r>
    <r>
      <rPr>
        <sz val="10"/>
        <rFont val="ＭＳ Ｐゴシック"/>
        <family val="3"/>
        <charset val="128"/>
      </rPr>
      <t>）、フタル酸ジイソブチル（</t>
    </r>
    <r>
      <rPr>
        <sz val="10"/>
        <rFont val="Arial"/>
        <family val="2"/>
      </rPr>
      <t>DIBP</t>
    </r>
    <r>
      <rPr>
        <sz val="10"/>
        <rFont val="ＭＳ Ｐゴシック"/>
        <family val="3"/>
        <charset val="128"/>
      </rPr>
      <t>）</t>
    </r>
  </si>
  <si>
    <r>
      <t xml:space="preserve">&lt; </t>
    </r>
    <r>
      <rPr>
        <sz val="9"/>
        <rFont val="ＭＳ Ｐゴシック"/>
        <family val="3"/>
        <charset val="128"/>
      </rPr>
      <t>次ページへ／</t>
    </r>
    <r>
      <rPr>
        <sz val="9"/>
        <rFont val="Arial"/>
        <family val="2"/>
      </rPr>
      <t>Continued on the next page.&gt;</t>
    </r>
    <phoneticPr fontId="7"/>
  </si>
  <si>
    <r>
      <rPr>
        <sz val="11"/>
        <rFont val="ＭＳ Ｐゴシック"/>
        <family val="3"/>
        <charset val="128"/>
      </rPr>
      <t>商用建造物または住宅用建築物の難燃剤または配線類に使用されている／</t>
    </r>
    <phoneticPr fontId="7"/>
  </si>
  <si>
    <r>
      <rPr>
        <sz val="11"/>
        <rFont val="ＭＳ Ｐゴシック"/>
        <family val="3"/>
        <charset val="128"/>
      </rPr>
      <t>デスクトップ・ラップトップコンピュータ、音声・映像機器、計算機、無線電話、ゲームコンソール、対話型ソフトウェアとのアクセスに使用されるスクリーンが組み込まれた携帯端末とそれらの周辺機器、およびケーブルやアダプタなどの接続装置に使用されている／</t>
    </r>
    <phoneticPr fontId="7"/>
  </si>
  <si>
    <r>
      <rPr>
        <sz val="11"/>
        <color theme="1"/>
        <rFont val="ＭＳ Ｐゴシック"/>
        <family val="3"/>
        <charset val="128"/>
      </rPr>
      <t xml:space="preserve">化学物質名／
</t>
    </r>
    <r>
      <rPr>
        <sz val="9"/>
        <color theme="1"/>
        <rFont val="Arial"/>
        <family val="2"/>
      </rPr>
      <t>Substances</t>
    </r>
    <phoneticPr fontId="7"/>
  </si>
  <si>
    <r>
      <rPr>
        <sz val="11"/>
        <rFont val="ＭＳ Ｐゴシック"/>
        <family val="3"/>
        <charset val="128"/>
      </rPr>
      <t>電気接点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Used for electrical contacts [Under deliberation for exemption renewal in EU]*2</t>
    </r>
    <phoneticPr fontId="7"/>
  </si>
  <si>
    <r>
      <t>RoHS</t>
    </r>
    <r>
      <rPr>
        <sz val="11"/>
        <rFont val="ＭＳ Ｐゴシック"/>
        <family val="3"/>
        <charset val="128"/>
      </rPr>
      <t>関連のフタル酸エステル</t>
    </r>
    <r>
      <rPr>
        <sz val="11"/>
        <rFont val="Arial"/>
        <family val="2"/>
      </rPr>
      <t>4</t>
    </r>
    <r>
      <rPr>
        <sz val="11"/>
        <rFont val="ＭＳ Ｐゴシック"/>
        <family val="3"/>
        <charset val="128"/>
      </rPr>
      <t>物質以外のフタル酸エステル類／</t>
    </r>
    <phoneticPr fontId="7"/>
  </si>
  <si>
    <r>
      <t>Not intentionally added, and Content in substance/mixture is 10ppm or less, Content of sub-product/article etc. except substance/mixture is 1000ppm or less, Content of coating agent is 1μg/m</t>
    </r>
    <r>
      <rPr>
        <vertAlign val="superscript"/>
        <sz val="9"/>
        <rFont val="Arial"/>
        <family val="2"/>
      </rPr>
      <t>2</t>
    </r>
    <r>
      <rPr>
        <sz val="9"/>
        <rFont val="Arial"/>
        <family val="2"/>
      </rPr>
      <t xml:space="preserve"> or less.</t>
    </r>
    <phoneticPr fontId="7"/>
  </si>
  <si>
    <r>
      <rPr>
        <sz val="11"/>
        <color theme="1"/>
        <rFont val="ＭＳ Ｐゴシック"/>
        <family val="3"/>
        <charset val="128"/>
      </rPr>
      <t>洗浄液：／</t>
    </r>
    <phoneticPr fontId="7"/>
  </si>
  <si>
    <r>
      <t>*3) 4</t>
    </r>
    <r>
      <rPr>
        <sz val="9"/>
        <rFont val="ＭＳ Ｐゴシック"/>
        <family val="3"/>
        <charset val="128"/>
      </rPr>
      <t>種のフタル酸エステル（</t>
    </r>
    <r>
      <rPr>
        <sz val="9"/>
        <rFont val="Arial"/>
        <family val="2"/>
      </rPr>
      <t>DEHP</t>
    </r>
    <r>
      <rPr>
        <sz val="9"/>
        <rFont val="ＭＳ Ｐゴシック"/>
        <family val="3"/>
        <charset val="128"/>
      </rPr>
      <t>、</t>
    </r>
    <r>
      <rPr>
        <sz val="9"/>
        <rFont val="Arial"/>
        <family val="2"/>
      </rPr>
      <t>BBP</t>
    </r>
    <r>
      <rPr>
        <sz val="9"/>
        <rFont val="ＭＳ Ｐゴシック"/>
        <family val="3"/>
        <charset val="128"/>
      </rPr>
      <t>、</t>
    </r>
    <r>
      <rPr>
        <sz val="9"/>
        <rFont val="Arial"/>
        <family val="2"/>
      </rPr>
      <t>DBP</t>
    </r>
    <r>
      <rPr>
        <sz val="9"/>
        <rFont val="ＭＳ Ｐゴシック"/>
        <family val="3"/>
        <charset val="128"/>
      </rPr>
      <t>、</t>
    </r>
    <r>
      <rPr>
        <sz val="9"/>
        <rFont val="Arial"/>
        <family val="2"/>
      </rPr>
      <t>DIBP</t>
    </r>
    <r>
      <rPr>
        <sz val="9"/>
        <rFont val="ＭＳ Ｐゴシック"/>
        <family val="3"/>
        <charset val="128"/>
      </rPr>
      <t xml:space="preserve">）は、主に軟質樹脂の可塑剤として使用されており、接触により他の成形品から移動する性質（移行性）を持ちます。
</t>
    </r>
    <r>
      <rPr>
        <sz val="9"/>
        <rFont val="Arial"/>
        <family val="2"/>
      </rPr>
      <t xml:space="preserve">      </t>
    </r>
    <r>
      <rPr>
        <sz val="9"/>
        <rFont val="ＭＳ Ｐゴシック"/>
        <family val="3"/>
        <charset val="128"/>
      </rPr>
      <t>包装材から部品・材料への移行の可能性があるため、部品・材料を納入いただく際の包装材も同様の基準で判断いただきご報告ください／</t>
    </r>
    <phoneticPr fontId="7"/>
  </si>
  <si>
    <t>Using exemptions listed in EU POPs regulation Annex I Part A other than above and having permission from adoption decision.</t>
  </si>
  <si>
    <r>
      <t xml:space="preserve">(b) </t>
    </r>
    <r>
      <rPr>
        <sz val="11"/>
        <rFont val="ＭＳ Ｐゴシック"/>
        <family val="3"/>
        <charset val="128"/>
      </rPr>
      <t>機械加工用途のアルミ材中</t>
    </r>
    <r>
      <rPr>
        <sz val="11"/>
        <rFont val="Arial"/>
        <family val="2"/>
      </rPr>
      <t>0.4wt%</t>
    </r>
    <r>
      <rPr>
        <sz val="11"/>
        <rFont val="ＭＳ Ｐゴシック"/>
        <family val="3"/>
        <charset val="128"/>
      </rPr>
      <t>未満</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r>
      <rPr>
        <sz val="9"/>
        <rFont val="Arial"/>
        <family val="2"/>
      </rPr>
      <t>Used less than 0.4% by weight in aluminium alloy for machining purposes [Under deliberation for exemption renewal in EU]*2</t>
    </r>
    <rPh sb="4" eb="6">
      <t>キカイ</t>
    </rPh>
    <rPh sb="6" eb="8">
      <t>カコウ</t>
    </rPh>
    <rPh sb="8" eb="10">
      <t>ヨウト</t>
    </rPh>
    <phoneticPr fontId="7"/>
  </si>
  <si>
    <t>Isopropylphenyl phosphate (PIP(3:1))</t>
  </si>
  <si>
    <t>Hexachlorobutadiene (HCBD)</t>
  </si>
  <si>
    <t>Pentachlorothiophenol (PCTP)</t>
  </si>
  <si>
    <t>Unintentional production of HCBD as a byproduct in the production of chlorinated solvents</t>
  </si>
  <si>
    <r>
      <rPr>
        <b/>
        <sz val="10"/>
        <color theme="1"/>
        <rFont val="ＭＳ Ｐゴシック"/>
        <family val="3"/>
        <charset val="128"/>
      </rPr>
      <t>第</t>
    </r>
    <r>
      <rPr>
        <b/>
        <sz val="10"/>
        <color theme="1"/>
        <rFont val="Arial"/>
        <family val="2"/>
      </rPr>
      <t>B2</t>
    </r>
    <r>
      <rPr>
        <b/>
        <sz val="10"/>
        <color theme="1"/>
        <rFont val="ＭＳ Ｐゴシック"/>
        <family val="3"/>
        <charset val="128"/>
      </rPr>
      <t>項の確認結果で「</t>
    </r>
    <r>
      <rPr>
        <b/>
        <sz val="10"/>
        <color theme="1"/>
        <rFont val="Arial"/>
        <family val="2"/>
      </rPr>
      <t>Not Applicable</t>
    </r>
    <r>
      <rPr>
        <b/>
        <sz val="10"/>
        <color theme="1"/>
        <rFont val="ＭＳ Ｐゴシック"/>
        <family val="3"/>
        <charset val="128"/>
      </rPr>
      <t>」の項目について、下記の判定基準に従い確認した結果、該当する項目の｢確認結果｣欄にチェック（</t>
    </r>
    <r>
      <rPr>
        <b/>
        <sz val="10"/>
        <color theme="1"/>
        <rFont val="Arial"/>
        <family val="2"/>
      </rPr>
      <t>X</t>
    </r>
    <r>
      <rPr>
        <b/>
        <sz val="10"/>
        <color theme="1"/>
        <rFont val="ＭＳ Ｐゴシック"/>
        <family val="3"/>
        <charset val="128"/>
      </rPr>
      <t>）しています／</t>
    </r>
    <phoneticPr fontId="7"/>
  </si>
  <si>
    <r>
      <rPr>
        <sz val="11"/>
        <color theme="1"/>
        <rFont val="ＭＳ Ｐゴシック"/>
        <family val="3"/>
        <charset val="128"/>
      </rPr>
      <t>酸化ベリリウムを使用している／</t>
    </r>
    <phoneticPr fontId="7"/>
  </si>
  <si>
    <r>
      <rPr>
        <sz val="11"/>
        <rFont val="ＭＳ Ｐゴシック"/>
        <family val="3"/>
        <charset val="128"/>
      </rPr>
      <t>子供の口に入る玩具または育児製品に使用される部品・材料に、フタル酸ジイソニル：</t>
    </r>
    <r>
      <rPr>
        <sz val="11"/>
        <rFont val="Arial"/>
        <family val="2"/>
      </rPr>
      <t>DINP</t>
    </r>
    <r>
      <rPr>
        <sz val="11"/>
        <rFont val="ＭＳ Ｐゴシック"/>
        <family val="3"/>
        <charset val="128"/>
      </rPr>
      <t>、フタル酸ジイソデシル：</t>
    </r>
    <r>
      <rPr>
        <sz val="11"/>
        <rFont val="Arial"/>
        <family val="2"/>
      </rPr>
      <t>DIDP</t>
    </r>
    <r>
      <rPr>
        <sz val="11"/>
        <rFont val="ＭＳ Ｐゴシック"/>
        <family val="3"/>
        <charset val="128"/>
      </rPr>
      <t>、フタル酸ジ</t>
    </r>
    <r>
      <rPr>
        <sz val="11"/>
        <rFont val="Arial"/>
        <family val="2"/>
      </rPr>
      <t>-n-</t>
    </r>
    <r>
      <rPr>
        <sz val="11"/>
        <rFont val="ＭＳ Ｐゴシック"/>
        <family val="3"/>
        <charset val="128"/>
      </rPr>
      <t>オクチル：</t>
    </r>
    <r>
      <rPr>
        <sz val="11"/>
        <rFont val="Arial"/>
        <family val="2"/>
      </rPr>
      <t>DNOP</t>
    </r>
    <r>
      <rPr>
        <sz val="11"/>
        <rFont val="ＭＳ Ｐゴシック"/>
        <family val="3"/>
        <charset val="128"/>
      </rPr>
      <t>が使用されている（合計で</t>
    </r>
    <r>
      <rPr>
        <sz val="11"/>
        <rFont val="Arial"/>
        <family val="2"/>
      </rPr>
      <t>1000ppm</t>
    </r>
    <r>
      <rPr>
        <sz val="11"/>
        <rFont val="ＭＳ Ｐゴシック"/>
        <family val="3"/>
        <charset val="128"/>
      </rPr>
      <t>超）／</t>
    </r>
    <phoneticPr fontId="7"/>
  </si>
  <si>
    <r>
      <t xml:space="preserve">(b) </t>
    </r>
    <r>
      <rPr>
        <sz val="11"/>
        <color theme="1"/>
        <rFont val="ＭＳ Ｐゴシック"/>
        <family val="3"/>
        <charset val="128"/>
      </rPr>
      <t>感光剤に／</t>
    </r>
    <r>
      <rPr>
        <sz val="9"/>
        <color theme="1"/>
        <rFont val="Arial"/>
        <family val="2"/>
      </rPr>
      <t>Resist</t>
    </r>
    <phoneticPr fontId="7"/>
  </si>
  <si>
    <r>
      <rPr>
        <sz val="11"/>
        <rFont val="ＭＳ Ｐゴシック"/>
        <family val="3"/>
        <charset val="128"/>
      </rPr>
      <t>リン酸トリス（</t>
    </r>
    <r>
      <rPr>
        <sz val="11"/>
        <rFont val="Arial"/>
        <family val="2"/>
      </rPr>
      <t>2-</t>
    </r>
    <r>
      <rPr>
        <sz val="11"/>
        <rFont val="ＭＳ Ｐゴシック"/>
        <family val="3"/>
        <charset val="128"/>
      </rPr>
      <t>クロロエチル）（</t>
    </r>
    <r>
      <rPr>
        <sz val="11"/>
        <rFont val="Arial"/>
        <family val="2"/>
      </rPr>
      <t>TCEP</t>
    </r>
    <r>
      <rPr>
        <sz val="11"/>
        <rFont val="ＭＳ Ｐゴシック"/>
        <family val="3"/>
        <charset val="128"/>
      </rPr>
      <t>）／</t>
    </r>
    <r>
      <rPr>
        <sz val="9"/>
        <rFont val="Arial"/>
        <family val="2"/>
      </rPr>
      <t>Tris (2-chloroethyl) phosphate (TCEP)</t>
    </r>
    <phoneticPr fontId="7"/>
  </si>
  <si>
    <r>
      <rPr>
        <sz val="11"/>
        <color theme="1"/>
        <rFont val="ＭＳ Ｐゴシック"/>
        <family val="3"/>
        <charset val="128"/>
      </rPr>
      <t>人の皮膚または口腔に、直接長時間接触するあるいは短期時間繰り返して接触するプラスチックまたはゴム部品に使用されている／</t>
    </r>
    <r>
      <rPr>
        <sz val="9"/>
        <color theme="1"/>
        <rFont val="Arial"/>
        <family val="2"/>
      </rPr>
      <t>Used in rubber or plastic components that come into direct as well as prolonged or shortterm repetitive contact with the human skin or the oral cavity.</t>
    </r>
    <phoneticPr fontId="7"/>
  </si>
  <si>
    <t>Content is 1wt% or less.</t>
  </si>
  <si>
    <t>Content is less than 0.02wt%.</t>
  </si>
  <si>
    <t>Used in products or articles made of plastic recycled from products or articles containing PIP (3:1), where no new PIP (3:1) was added during the production of the products or articles made of recycled plastic.</t>
    <phoneticPr fontId="7"/>
  </si>
  <si>
    <t>Using exemptions listed in USA TSCA SECTION 6 PBT-chemicals other than above and having permission from adoption decision.</t>
    <phoneticPr fontId="7"/>
  </si>
  <si>
    <t>(                                                                                                                                                                                                        )</t>
    <phoneticPr fontId="7"/>
  </si>
  <si>
    <t>Used in adhesives or sealants and a permission from the adoption decision department in Sharp was obtained. [Prohibited after 6 January 2024] /</t>
    <phoneticPr fontId="7"/>
  </si>
  <si>
    <t>2,4,6-tris(tert-butyl)phenol (2,4,6-TTBP)</t>
    <phoneticPr fontId="7"/>
  </si>
  <si>
    <t>Used under conditions that do not correspond to (1) above.</t>
    <phoneticPr fontId="7"/>
  </si>
  <si>
    <r>
      <rPr>
        <sz val="10"/>
        <rFont val="ＭＳ Ｐゴシック"/>
        <family val="3"/>
        <charset val="128"/>
      </rPr>
      <t>ニッケル及びその化合物</t>
    </r>
    <phoneticPr fontId="7"/>
  </si>
  <si>
    <r>
      <rPr>
        <sz val="11"/>
        <color theme="1"/>
        <rFont val="ＭＳ Ｐゴシック"/>
        <family val="3"/>
        <charset val="128"/>
      </rPr>
      <t>ベリリウム及びその化合物</t>
    </r>
    <r>
      <rPr>
        <sz val="9"/>
        <color theme="1"/>
        <rFont val="ＭＳ Ｐゴシック"/>
        <family val="3"/>
        <charset val="128"/>
      </rPr>
      <t>／</t>
    </r>
    <r>
      <rPr>
        <sz val="11"/>
        <color theme="1"/>
        <rFont val="Arial"/>
        <family val="2"/>
      </rPr>
      <t>Beryllium and its compound</t>
    </r>
    <phoneticPr fontId="7"/>
  </si>
  <si>
    <r>
      <t xml:space="preserve">(b) </t>
    </r>
    <r>
      <rPr>
        <sz val="11"/>
        <color theme="1"/>
        <rFont val="ＭＳ Ｐゴシック"/>
        <family val="3"/>
        <charset val="128"/>
      </rPr>
      <t>セラミックに／</t>
    </r>
    <r>
      <rPr>
        <sz val="9"/>
        <color theme="1"/>
        <rFont val="Arial"/>
        <family val="2"/>
      </rPr>
      <t>Ceramics</t>
    </r>
    <phoneticPr fontId="7"/>
  </si>
  <si>
    <r>
      <rPr>
        <sz val="11"/>
        <color theme="1"/>
        <rFont val="ＭＳ Ｐゴシック"/>
        <family val="3"/>
        <charset val="128"/>
      </rPr>
      <t>人体に持続的に触れられることを前提に作られた製品（例：電気カーペット・イヤホン・ストラップ等）の人体接触部分に使用されている／</t>
    </r>
    <phoneticPr fontId="7"/>
  </si>
  <si>
    <r>
      <rPr>
        <sz val="11"/>
        <color theme="1"/>
        <rFont val="ＭＳ Ｐゴシック"/>
        <family val="3"/>
        <charset val="128"/>
      </rPr>
      <t>過塩素酸塩／</t>
    </r>
    <r>
      <rPr>
        <sz val="9"/>
        <color theme="1"/>
        <rFont val="Arial"/>
        <family val="2"/>
      </rPr>
      <t>Perchlorates</t>
    </r>
    <phoneticPr fontId="7"/>
  </si>
  <si>
    <r>
      <rPr>
        <sz val="11"/>
        <color theme="1"/>
        <rFont val="ＭＳ Ｐゴシック"/>
        <family val="3"/>
        <charset val="128"/>
      </rPr>
      <t>五酸化二ヒ素を使用している／</t>
    </r>
    <r>
      <rPr>
        <sz val="9"/>
        <color theme="1"/>
        <rFont val="Arial"/>
        <family val="2"/>
      </rPr>
      <t>Using Diarsenic Pentoxide</t>
    </r>
    <phoneticPr fontId="7"/>
  </si>
  <si>
    <r>
      <t xml:space="preserve">(a) </t>
    </r>
    <r>
      <rPr>
        <sz val="11"/>
        <color theme="1"/>
        <rFont val="ＭＳ Ｐゴシック"/>
        <family val="3"/>
        <charset val="128"/>
      </rPr>
      <t>半導体に／</t>
    </r>
    <r>
      <rPr>
        <sz val="9"/>
        <color theme="1"/>
        <rFont val="Arial"/>
        <family val="2"/>
      </rPr>
      <t>Semiconductor</t>
    </r>
    <phoneticPr fontId="7"/>
  </si>
  <si>
    <r>
      <t xml:space="preserve">(c) </t>
    </r>
    <r>
      <rPr>
        <sz val="11"/>
        <color theme="1"/>
        <rFont val="ＭＳ Ｐゴシック"/>
        <family val="3"/>
        <charset val="128"/>
      </rPr>
      <t>マグネットフィルターに／</t>
    </r>
    <r>
      <rPr>
        <sz val="9"/>
        <color theme="1"/>
        <rFont val="Arial"/>
        <family val="2"/>
      </rPr>
      <t>Magnet filter</t>
    </r>
    <phoneticPr fontId="7"/>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r>
      <rPr>
        <sz val="9"/>
        <color theme="1"/>
        <rFont val="Arial"/>
        <family val="2"/>
      </rPr>
      <t>Used in the other than the above (1).</t>
    </r>
    <phoneticPr fontId="7"/>
  </si>
  <si>
    <r>
      <rPr>
        <sz val="11"/>
        <rFont val="ＭＳ Ｐゴシック"/>
        <family val="3"/>
        <charset val="128"/>
      </rPr>
      <t xml:space="preserve">使用可／
</t>
    </r>
    <r>
      <rPr>
        <sz val="9"/>
        <rFont val="Arial"/>
        <family val="2"/>
      </rPr>
      <t>Usable</t>
    </r>
    <phoneticPr fontId="7"/>
  </si>
  <si>
    <r>
      <rPr>
        <sz val="11"/>
        <color theme="1"/>
        <rFont val="ＭＳ Ｐゴシック"/>
        <family val="3"/>
        <charset val="128"/>
      </rPr>
      <t>おもちゃ用途の部品・材料で、塗装などの表面処理層単位当たり</t>
    </r>
    <r>
      <rPr>
        <sz val="11"/>
        <color theme="1"/>
        <rFont val="Arial"/>
        <family val="2"/>
      </rPr>
      <t>0.009%</t>
    </r>
    <r>
      <rPr>
        <sz val="11"/>
        <color theme="1"/>
        <rFont val="ＭＳ Ｐゴシック"/>
        <family val="3"/>
        <charset val="128"/>
      </rPr>
      <t>以上使用されている／</t>
    </r>
    <phoneticPr fontId="7"/>
  </si>
  <si>
    <r>
      <rPr>
        <sz val="11"/>
        <color theme="1"/>
        <rFont val="ＭＳ Ｐゴシック"/>
        <family val="3"/>
        <charset val="128"/>
      </rPr>
      <t>意図的に添加せず、かつ</t>
    </r>
    <r>
      <rPr>
        <sz val="11"/>
        <color theme="1"/>
        <rFont val="Arial"/>
        <family val="2"/>
      </rPr>
      <t>1000ppm</t>
    </r>
    <r>
      <rPr>
        <sz val="11"/>
        <color theme="1"/>
        <rFont val="ＭＳ Ｐゴシック"/>
        <family val="3"/>
        <charset val="128"/>
      </rPr>
      <t>以下の含有である／</t>
    </r>
    <phoneticPr fontId="7"/>
  </si>
  <si>
    <r>
      <rPr>
        <sz val="11"/>
        <color theme="1"/>
        <rFont val="ＭＳ Ｐゴシック"/>
        <family val="3"/>
        <charset val="128"/>
      </rPr>
      <t>アスベスト類／</t>
    </r>
    <phoneticPr fontId="7"/>
  </si>
  <si>
    <r>
      <rPr>
        <sz val="11"/>
        <color theme="1"/>
        <rFont val="ＭＳ Ｐゴシック"/>
        <family val="3"/>
        <charset val="128"/>
      </rPr>
      <t>ポリ塩化ターフェニル類</t>
    </r>
    <r>
      <rPr>
        <sz val="11"/>
        <color theme="1"/>
        <rFont val="Arial"/>
        <family val="2"/>
      </rPr>
      <t xml:space="preserve"> </t>
    </r>
    <r>
      <rPr>
        <sz val="11"/>
        <color theme="1"/>
        <rFont val="ＭＳ Ｐゴシック"/>
        <family val="3"/>
        <charset val="128"/>
      </rPr>
      <t>（</t>
    </r>
    <r>
      <rPr>
        <sz val="11"/>
        <color theme="1"/>
        <rFont val="Arial"/>
        <family val="2"/>
      </rPr>
      <t>PCT</t>
    </r>
    <r>
      <rPr>
        <sz val="11"/>
        <color theme="1"/>
        <rFont val="ＭＳ Ｐゴシック"/>
        <family val="3"/>
        <charset val="128"/>
      </rPr>
      <t>類）／</t>
    </r>
    <phoneticPr fontId="7"/>
  </si>
  <si>
    <r>
      <rPr>
        <sz val="11"/>
        <rFont val="ＭＳ Ｐゴシック"/>
        <family val="3"/>
        <charset val="128"/>
      </rPr>
      <t>ジメチルフマレート／</t>
    </r>
    <phoneticPr fontId="7"/>
  </si>
  <si>
    <r>
      <rPr>
        <sz val="11"/>
        <rFont val="ＭＳ Ｐゴシック"/>
        <family val="3"/>
        <charset val="128"/>
      </rPr>
      <t>アルミノ珪酸塩、耐火セラミック繊維／</t>
    </r>
    <phoneticPr fontId="7"/>
  </si>
  <si>
    <r>
      <rPr>
        <sz val="11"/>
        <color theme="1"/>
        <rFont val="ＭＳ Ｐゴシック"/>
        <family val="3"/>
        <charset val="128"/>
      </rPr>
      <t>パーフルオロオクタンスルホン酸塩（</t>
    </r>
    <r>
      <rPr>
        <sz val="11"/>
        <color theme="1"/>
        <rFont val="Arial"/>
        <family val="2"/>
      </rPr>
      <t>PFOS</t>
    </r>
    <r>
      <rPr>
        <sz val="11"/>
        <color theme="1"/>
        <rFont val="ＭＳ Ｐゴシック"/>
        <family val="3"/>
        <charset val="128"/>
      </rPr>
      <t>）</t>
    </r>
    <r>
      <rPr>
        <sz val="11"/>
        <color theme="1"/>
        <rFont val="Arial"/>
        <family val="2"/>
      </rPr>
      <t xml:space="preserve"> *2)</t>
    </r>
    <r>
      <rPr>
        <sz val="11"/>
        <color theme="1"/>
        <rFont val="ＭＳ Ｐゴシック"/>
        <family val="3"/>
        <charset val="128"/>
      </rPr>
      <t>／</t>
    </r>
    <phoneticPr fontId="7"/>
  </si>
  <si>
    <r>
      <t xml:space="preserve">*1) </t>
    </r>
    <r>
      <rPr>
        <sz val="9"/>
        <color theme="1"/>
        <rFont val="ＭＳ Ｐゴシック"/>
        <family val="3"/>
        <charset val="128"/>
      </rPr>
      <t>オゾン層破壊物質については、</t>
    </r>
    <r>
      <rPr>
        <sz val="9"/>
        <color theme="1"/>
        <rFont val="Arial"/>
        <family val="2"/>
      </rPr>
      <t>CFC</t>
    </r>
    <r>
      <rPr>
        <sz val="9"/>
        <color theme="1"/>
        <rFont val="ＭＳ Ｐゴシック"/>
        <family val="3"/>
        <charset val="128"/>
      </rPr>
      <t>、</t>
    </r>
    <r>
      <rPr>
        <sz val="9"/>
        <color theme="1"/>
        <rFont val="Arial"/>
        <family val="2"/>
      </rPr>
      <t>1,1,1-</t>
    </r>
    <r>
      <rPr>
        <sz val="9"/>
        <color theme="1"/>
        <rFont val="ＭＳ Ｐゴシック"/>
        <family val="3"/>
        <charset val="128"/>
      </rPr>
      <t>トリクロロエタン、四塩化炭素、臭化メチル、ブロモクロロメタン、ハロン、</t>
    </r>
    <r>
      <rPr>
        <sz val="9"/>
        <color theme="1"/>
        <rFont val="Arial"/>
        <family val="2"/>
      </rPr>
      <t>HBFC</t>
    </r>
    <r>
      <rPr>
        <sz val="9"/>
        <color theme="1"/>
        <rFont val="ＭＳ Ｐゴシック"/>
        <family val="3"/>
        <charset val="128"/>
      </rPr>
      <t>、及び</t>
    </r>
    <r>
      <rPr>
        <sz val="9"/>
        <color theme="1"/>
        <rFont val="Arial"/>
        <family val="2"/>
      </rPr>
      <t>HCFC</t>
    </r>
    <r>
      <rPr>
        <sz val="9"/>
        <color theme="1"/>
        <rFont val="ＭＳ Ｐゴシック"/>
        <family val="3"/>
        <charset val="128"/>
      </rPr>
      <t>が対象／</t>
    </r>
    <phoneticPr fontId="7"/>
  </si>
  <si>
    <r>
      <rPr>
        <sz val="11"/>
        <rFont val="ＭＳ Ｐゴシック"/>
        <family val="3"/>
        <charset val="128"/>
      </rPr>
      <t>作成日／</t>
    </r>
    <r>
      <rPr>
        <sz val="9"/>
        <rFont val="Arial"/>
        <family val="2"/>
      </rPr>
      <t>Date (yyyy/mm/dd)</t>
    </r>
    <phoneticPr fontId="7"/>
  </si>
  <si>
    <r>
      <rPr>
        <sz val="11"/>
        <rFont val="ＭＳ Ｐゴシック"/>
        <family val="3"/>
        <charset val="128"/>
      </rPr>
      <t>会社名／</t>
    </r>
    <r>
      <rPr>
        <sz val="9"/>
        <rFont val="Arial"/>
        <family val="2"/>
      </rPr>
      <t>Company Name</t>
    </r>
    <phoneticPr fontId="7"/>
  </si>
  <si>
    <r>
      <rPr>
        <sz val="11"/>
        <rFont val="ＭＳ Ｐゴシック"/>
        <family val="3"/>
        <charset val="128"/>
      </rPr>
      <t>部署名／</t>
    </r>
    <r>
      <rPr>
        <sz val="9"/>
        <rFont val="Arial"/>
        <family val="2"/>
      </rPr>
      <t>Department</t>
    </r>
    <phoneticPr fontId="7"/>
  </si>
  <si>
    <r>
      <rPr>
        <b/>
        <sz val="11"/>
        <rFont val="ＭＳ Ｐゴシック"/>
        <family val="3"/>
        <charset val="128"/>
      </rPr>
      <t>調査確認製品／</t>
    </r>
    <r>
      <rPr>
        <b/>
        <sz val="9"/>
        <rFont val="Arial"/>
        <family val="2"/>
      </rPr>
      <t>Information on surveyed product</t>
    </r>
    <phoneticPr fontId="7"/>
  </si>
  <si>
    <r>
      <t>4</t>
    </r>
    <r>
      <rPr>
        <sz val="11"/>
        <rFont val="ＭＳ Ｐゴシック"/>
        <family val="3"/>
        <charset val="128"/>
      </rPr>
      <t>）製品質量［</t>
    </r>
    <r>
      <rPr>
        <sz val="11"/>
        <rFont val="Arial"/>
        <family val="2"/>
      </rPr>
      <t>g</t>
    </r>
    <r>
      <rPr>
        <sz val="11"/>
        <rFont val="ＭＳ Ｐゴシック"/>
        <family val="3"/>
        <charset val="128"/>
      </rPr>
      <t>］／</t>
    </r>
    <r>
      <rPr>
        <sz val="9"/>
        <rFont val="Arial"/>
        <family val="2"/>
      </rPr>
      <t>Product Weight [g]</t>
    </r>
    <phoneticPr fontId="7"/>
  </si>
  <si>
    <r>
      <rPr>
        <sz val="11"/>
        <rFont val="ＭＳ Ｐゴシック"/>
        <family val="3"/>
        <charset val="128"/>
      </rPr>
      <t>鉛及びその化合物</t>
    </r>
    <r>
      <rPr>
        <sz val="11"/>
        <rFont val="Arial"/>
        <family val="2"/>
      </rPr>
      <t xml:space="preserve"> *2)</t>
    </r>
    <r>
      <rPr>
        <sz val="11"/>
        <rFont val="ＭＳ Ｐゴシック"/>
        <family val="3"/>
        <charset val="128"/>
      </rPr>
      <t>／</t>
    </r>
    <phoneticPr fontId="7"/>
  </si>
  <si>
    <r>
      <rPr>
        <sz val="11"/>
        <rFont val="ＭＳ Ｐゴシック"/>
        <family val="3"/>
        <charset val="128"/>
      </rPr>
      <t>水銀及びその化合物</t>
    </r>
    <r>
      <rPr>
        <sz val="11"/>
        <rFont val="Arial"/>
        <family val="2"/>
      </rPr>
      <t xml:space="preserve"> *2)</t>
    </r>
    <r>
      <rPr>
        <sz val="11"/>
        <rFont val="ＭＳ Ｐゴシック"/>
        <family val="3"/>
        <charset val="128"/>
      </rPr>
      <t>／</t>
    </r>
    <phoneticPr fontId="7"/>
  </si>
  <si>
    <r>
      <t>1000ppm</t>
    </r>
    <r>
      <rPr>
        <sz val="11"/>
        <rFont val="ＭＳ Ｐゴシック"/>
        <family val="3"/>
        <charset val="128"/>
      </rPr>
      <t>以下の含有である。また、電池に関しては、</t>
    </r>
    <r>
      <rPr>
        <sz val="11"/>
        <rFont val="Arial"/>
        <family val="2"/>
      </rPr>
      <t>EU</t>
    </r>
    <r>
      <rPr>
        <sz val="11"/>
        <rFont val="ＭＳ Ｐゴシック"/>
        <family val="3"/>
        <charset val="128"/>
      </rPr>
      <t>電池指令（</t>
    </r>
    <r>
      <rPr>
        <sz val="11"/>
        <rFont val="Arial"/>
        <family val="2"/>
      </rPr>
      <t>2006/66/EC</t>
    </r>
    <r>
      <rPr>
        <sz val="11"/>
        <rFont val="ＭＳ Ｐゴシック"/>
        <family val="3"/>
        <charset val="128"/>
      </rPr>
      <t>、</t>
    </r>
    <r>
      <rPr>
        <sz val="11"/>
        <rFont val="Arial"/>
        <family val="2"/>
      </rPr>
      <t>2013/56/EU</t>
    </r>
    <r>
      <rPr>
        <sz val="11"/>
        <rFont val="ＭＳ Ｐゴシック"/>
        <family val="3"/>
        <charset val="128"/>
      </rPr>
      <t>）を満足している／</t>
    </r>
    <phoneticPr fontId="7"/>
  </si>
  <si>
    <r>
      <rPr>
        <sz val="11"/>
        <rFont val="ＭＳ Ｐゴシック"/>
        <family val="3"/>
        <charset val="128"/>
      </rPr>
      <t>フタル酸ジ（</t>
    </r>
    <r>
      <rPr>
        <sz val="11"/>
        <rFont val="Arial"/>
        <family val="2"/>
      </rPr>
      <t>2-</t>
    </r>
    <r>
      <rPr>
        <sz val="11"/>
        <rFont val="ＭＳ Ｐゴシック"/>
        <family val="3"/>
        <charset val="128"/>
      </rPr>
      <t>エチルヘキシル）（</t>
    </r>
    <r>
      <rPr>
        <sz val="11"/>
        <rFont val="Arial"/>
        <family val="2"/>
      </rPr>
      <t>DEHP</t>
    </r>
    <r>
      <rPr>
        <sz val="11"/>
        <rFont val="ＭＳ Ｐゴシック"/>
        <family val="3"/>
        <charset val="128"/>
      </rPr>
      <t>）、フタル酸ジブチル（</t>
    </r>
    <r>
      <rPr>
        <sz val="11"/>
        <rFont val="Arial"/>
        <family val="2"/>
      </rPr>
      <t>DBP</t>
    </r>
    <r>
      <rPr>
        <sz val="11"/>
        <rFont val="ＭＳ Ｐゴシック"/>
        <family val="3"/>
        <charset val="128"/>
      </rPr>
      <t>）、フタル酸ブチルベンジル（</t>
    </r>
    <r>
      <rPr>
        <sz val="11"/>
        <rFont val="Arial"/>
        <family val="2"/>
      </rPr>
      <t>BBP</t>
    </r>
    <r>
      <rPr>
        <sz val="11"/>
        <rFont val="ＭＳ Ｐゴシック"/>
        <family val="3"/>
        <charset val="128"/>
      </rPr>
      <t>）、フタル酸ジイソブチル（</t>
    </r>
    <r>
      <rPr>
        <sz val="11"/>
        <rFont val="Arial"/>
        <family val="2"/>
      </rPr>
      <t>DIBP</t>
    </r>
    <r>
      <rPr>
        <sz val="11"/>
        <rFont val="ＭＳ Ｐゴシック"/>
        <family val="3"/>
        <charset val="128"/>
      </rPr>
      <t>）</t>
    </r>
    <r>
      <rPr>
        <sz val="11"/>
        <rFont val="Arial"/>
        <family val="2"/>
      </rPr>
      <t>*3)</t>
    </r>
    <r>
      <rPr>
        <sz val="11"/>
        <rFont val="ＭＳ Ｐゴシック"/>
        <family val="3"/>
        <charset val="128"/>
      </rPr>
      <t>／</t>
    </r>
    <phoneticPr fontId="7"/>
  </si>
  <si>
    <r>
      <t>4</t>
    </r>
    <r>
      <rPr>
        <sz val="11"/>
        <rFont val="ＭＳ Ｐゴシック"/>
        <family val="3"/>
        <charset val="128"/>
      </rPr>
      <t>物質（</t>
    </r>
    <r>
      <rPr>
        <sz val="11"/>
        <rFont val="Arial"/>
        <family val="2"/>
      </rPr>
      <t>DEHP</t>
    </r>
    <r>
      <rPr>
        <sz val="11"/>
        <rFont val="ＭＳ Ｐゴシック"/>
        <family val="3"/>
        <charset val="128"/>
      </rPr>
      <t>、</t>
    </r>
    <r>
      <rPr>
        <sz val="11"/>
        <rFont val="Arial"/>
        <family val="2"/>
      </rPr>
      <t>DBP</t>
    </r>
    <r>
      <rPr>
        <sz val="11"/>
        <rFont val="ＭＳ Ｐゴシック"/>
        <family val="3"/>
        <charset val="128"/>
      </rPr>
      <t>、</t>
    </r>
    <r>
      <rPr>
        <sz val="11"/>
        <rFont val="Arial"/>
        <family val="2"/>
      </rPr>
      <t>BBP</t>
    </r>
    <r>
      <rPr>
        <sz val="11"/>
        <rFont val="ＭＳ Ｐゴシック"/>
        <family val="3"/>
        <charset val="128"/>
      </rPr>
      <t>、</t>
    </r>
    <r>
      <rPr>
        <sz val="11"/>
        <rFont val="Arial"/>
        <family val="2"/>
      </rPr>
      <t>DIBP</t>
    </r>
    <r>
      <rPr>
        <sz val="11"/>
        <rFont val="ＭＳ Ｐゴシック"/>
        <family val="3"/>
        <charset val="128"/>
      </rPr>
      <t>）の合計が、</t>
    </r>
    <r>
      <rPr>
        <sz val="11"/>
        <rFont val="Arial"/>
        <family val="2"/>
      </rPr>
      <t>1000ppm</t>
    </r>
    <r>
      <rPr>
        <sz val="11"/>
        <rFont val="ＭＳ Ｐゴシック"/>
        <family val="3"/>
        <charset val="128"/>
      </rPr>
      <t>以下の含有である／</t>
    </r>
    <phoneticPr fontId="10"/>
  </si>
  <si>
    <r>
      <rPr>
        <sz val="11"/>
        <rFont val="ＭＳ Ｐゴシック"/>
        <family val="3"/>
        <charset val="128"/>
      </rPr>
      <t>ペンタクロロベンゼンチオール（</t>
    </r>
    <r>
      <rPr>
        <sz val="11"/>
        <rFont val="Arial"/>
        <family val="2"/>
      </rPr>
      <t>PCTP</t>
    </r>
    <r>
      <rPr>
        <sz val="11"/>
        <rFont val="ＭＳ Ｐゴシック"/>
        <family val="3"/>
        <charset val="128"/>
      </rPr>
      <t>）／</t>
    </r>
  </si>
  <si>
    <r>
      <t>1wt%</t>
    </r>
    <r>
      <rPr>
        <sz val="11"/>
        <rFont val="ＭＳ Ｐゴシック"/>
        <family val="3"/>
        <charset val="128"/>
      </rPr>
      <t>以下の含有である／</t>
    </r>
  </si>
  <si>
    <r>
      <rPr>
        <sz val="11"/>
        <rFont val="ＭＳ Ｐゴシック"/>
        <family val="3"/>
        <charset val="128"/>
      </rPr>
      <t>リン酸イソプロピルフェニル（</t>
    </r>
    <r>
      <rPr>
        <sz val="11"/>
        <rFont val="Arial"/>
        <family val="2"/>
      </rPr>
      <t>PIP(3:1)</t>
    </r>
    <r>
      <rPr>
        <sz val="11"/>
        <rFont val="ＭＳ Ｐゴシック"/>
        <family val="3"/>
        <charset val="128"/>
      </rPr>
      <t>）／</t>
    </r>
  </si>
  <si>
    <r>
      <rPr>
        <sz val="11"/>
        <rFont val="ＭＳ Ｐゴシック"/>
        <family val="3"/>
        <charset val="128"/>
      </rPr>
      <t>意図的に添加していない／</t>
    </r>
  </si>
  <si>
    <r>
      <rPr>
        <sz val="11"/>
        <rFont val="ＭＳ Ｐゴシック"/>
        <family val="3"/>
        <charset val="128"/>
      </rPr>
      <t>ペルクロロブタ</t>
    </r>
    <r>
      <rPr>
        <sz val="11"/>
        <rFont val="Arial"/>
        <family val="2"/>
      </rPr>
      <t>-1,3-</t>
    </r>
    <r>
      <rPr>
        <sz val="11"/>
        <rFont val="ＭＳ Ｐゴシック"/>
        <family val="3"/>
        <charset val="128"/>
      </rPr>
      <t>ジエン（</t>
    </r>
    <r>
      <rPr>
        <sz val="11"/>
        <rFont val="Arial"/>
        <family val="2"/>
      </rPr>
      <t>HCBD</t>
    </r>
    <r>
      <rPr>
        <sz val="11"/>
        <rFont val="ＭＳ Ｐゴシック"/>
        <family val="3"/>
        <charset val="128"/>
      </rPr>
      <t>）／</t>
    </r>
  </si>
  <si>
    <r>
      <t>0.02wt%</t>
    </r>
    <r>
      <rPr>
        <sz val="11"/>
        <rFont val="ＭＳ Ｐゴシック"/>
        <family val="3"/>
        <charset val="128"/>
      </rPr>
      <t>未満の含有である／</t>
    </r>
  </si>
  <si>
    <r>
      <t xml:space="preserve">4,4'-sulfonyldiphenol </t>
    </r>
    <r>
      <rPr>
        <sz val="9"/>
        <rFont val="ＭＳ Ｐゴシック"/>
        <family val="3"/>
        <charset val="128"/>
      </rPr>
      <t>（</t>
    </r>
    <r>
      <rPr>
        <sz val="9"/>
        <rFont val="Arial"/>
        <family val="2"/>
      </rPr>
      <t>Bisphenol S</t>
    </r>
    <r>
      <rPr>
        <sz val="9"/>
        <rFont val="ＭＳ Ｐゴシック"/>
        <family val="3"/>
        <charset val="128"/>
      </rPr>
      <t>）</t>
    </r>
    <phoneticPr fontId="7"/>
  </si>
  <si>
    <r>
      <rPr>
        <sz val="11"/>
        <rFont val="ＭＳ Ｐゴシック"/>
        <family val="3"/>
        <charset val="128"/>
      </rPr>
      <t>上記（</t>
    </r>
    <r>
      <rPr>
        <sz val="11"/>
        <rFont val="Arial"/>
        <family val="2"/>
      </rPr>
      <t>1</t>
    </r>
    <r>
      <rPr>
        <sz val="11"/>
        <rFont val="ＭＳ Ｐゴシック"/>
        <family val="3"/>
        <charset val="128"/>
      </rPr>
      <t>）に該当しない条件で使用されている／</t>
    </r>
    <rPh sb="6" eb="8">
      <t>ガイトウ</t>
    </rPh>
    <rPh sb="11" eb="13">
      <t>ジョウケン</t>
    </rPh>
    <phoneticPr fontId="7"/>
  </si>
  <si>
    <r>
      <rPr>
        <sz val="11"/>
        <rFont val="ＭＳ Ｐゴシック"/>
        <family val="3"/>
        <charset val="128"/>
      </rPr>
      <t>潤滑油またはグリースに使用されている／</t>
    </r>
    <r>
      <rPr>
        <sz val="9"/>
        <rFont val="Arial"/>
        <family val="2"/>
      </rPr>
      <t>Used in lubricants or greases.</t>
    </r>
    <rPh sb="11" eb="13">
      <t>シヨウ</t>
    </rPh>
    <phoneticPr fontId="7"/>
  </si>
  <si>
    <r>
      <rPr>
        <sz val="11"/>
        <rFont val="ＭＳ Ｐゴシック"/>
        <family val="3"/>
        <charset val="128"/>
      </rPr>
      <t>再生プラスチックの製造工程で新規</t>
    </r>
    <r>
      <rPr>
        <sz val="11"/>
        <rFont val="Arial"/>
        <family val="2"/>
      </rPr>
      <t>PIP(3:1)</t>
    </r>
    <r>
      <rPr>
        <sz val="11"/>
        <rFont val="ＭＳ Ｐゴシック"/>
        <family val="3"/>
        <charset val="128"/>
      </rPr>
      <t>の追加はなく、リサイクル由来の</t>
    </r>
    <r>
      <rPr>
        <sz val="11"/>
        <rFont val="Arial"/>
        <family val="2"/>
      </rPr>
      <t>PIP(3:1)</t>
    </r>
    <r>
      <rPr>
        <sz val="11"/>
        <rFont val="ＭＳ Ｐゴシック"/>
        <family val="3"/>
        <charset val="128"/>
      </rPr>
      <t>のみを含有するプラスチックまたはそれを使用した製品に使用されている／</t>
    </r>
    <phoneticPr fontId="7"/>
  </si>
  <si>
    <r>
      <rPr>
        <sz val="11"/>
        <rFont val="ＭＳ Ｐゴシック"/>
        <family val="3"/>
        <charset val="128"/>
      </rPr>
      <t>上記以外の米国</t>
    </r>
    <r>
      <rPr>
        <sz val="11"/>
        <rFont val="Arial"/>
        <family val="2"/>
      </rPr>
      <t xml:space="preserve"> TSCA </t>
    </r>
    <r>
      <rPr>
        <sz val="11"/>
        <rFont val="ＭＳ Ｐゴシック"/>
        <family val="3"/>
        <charset val="128"/>
      </rPr>
      <t>第</t>
    </r>
    <r>
      <rPr>
        <sz val="11"/>
        <rFont val="Arial"/>
        <family val="2"/>
      </rPr>
      <t>6</t>
    </r>
    <r>
      <rPr>
        <sz val="11"/>
        <rFont val="ＭＳ Ｐゴシック"/>
        <family val="3"/>
        <charset val="128"/>
      </rPr>
      <t>条</t>
    </r>
    <r>
      <rPr>
        <sz val="11"/>
        <rFont val="Arial"/>
        <family val="2"/>
      </rPr>
      <t xml:space="preserve"> PBT</t>
    </r>
    <r>
      <rPr>
        <sz val="11"/>
        <rFont val="ＭＳ Ｐゴシック"/>
        <family val="3"/>
        <charset val="128"/>
      </rPr>
      <t>物質で定められた適用除外用途に使用されており、採用部門の許可を得ている／</t>
    </r>
    <rPh sb="5" eb="7">
      <t>ベイコク</t>
    </rPh>
    <rPh sb="23" eb="24">
      <t>サダ</t>
    </rPh>
    <rPh sb="28" eb="30">
      <t>テキヨウ</t>
    </rPh>
    <phoneticPr fontId="7"/>
  </si>
  <si>
    <r>
      <rPr>
        <sz val="11"/>
        <rFont val="ＭＳ Ｐゴシック"/>
        <family val="3"/>
        <charset val="128"/>
      </rPr>
      <t>塩素系溶剤の製造における副生成物としての</t>
    </r>
    <r>
      <rPr>
        <sz val="11"/>
        <rFont val="Arial"/>
        <family val="2"/>
      </rPr>
      <t>HCBD</t>
    </r>
    <r>
      <rPr>
        <sz val="11"/>
        <rFont val="ＭＳ Ｐゴシック"/>
        <family val="3"/>
        <charset val="128"/>
      </rPr>
      <t>の非意図的な生成として含有している／</t>
    </r>
  </si>
  <si>
    <r>
      <rPr>
        <sz val="10"/>
        <rFont val="ＭＳ Ｐゴシック"/>
        <family val="3"/>
        <charset val="128"/>
      </rPr>
      <t>リン酸イソプロピルフェニル（</t>
    </r>
    <r>
      <rPr>
        <sz val="10"/>
        <rFont val="Arial"/>
        <family val="2"/>
      </rPr>
      <t>PIP(3:1)</t>
    </r>
    <r>
      <rPr>
        <sz val="10"/>
        <rFont val="ＭＳ Ｐゴシック"/>
        <family val="3"/>
        <charset val="128"/>
      </rPr>
      <t>）</t>
    </r>
  </si>
  <si>
    <r>
      <rPr>
        <sz val="10"/>
        <rFont val="ＭＳ Ｐゴシック"/>
        <family val="3"/>
        <charset val="128"/>
      </rPr>
      <t>ペルクロロブタ</t>
    </r>
    <r>
      <rPr>
        <sz val="10"/>
        <rFont val="Arial"/>
        <family val="2"/>
      </rPr>
      <t>-1,3-</t>
    </r>
    <r>
      <rPr>
        <sz val="10"/>
        <rFont val="ＭＳ Ｐゴシック"/>
        <family val="3"/>
        <charset val="128"/>
      </rPr>
      <t>ジエン（</t>
    </r>
    <r>
      <rPr>
        <sz val="10"/>
        <rFont val="Arial"/>
        <family val="2"/>
      </rPr>
      <t>HCBD</t>
    </r>
    <r>
      <rPr>
        <sz val="10"/>
        <rFont val="ＭＳ Ｐゴシック"/>
        <family val="3"/>
        <charset val="128"/>
      </rPr>
      <t>）</t>
    </r>
  </si>
  <si>
    <r>
      <t>2,4,6-</t>
    </r>
    <r>
      <rPr>
        <sz val="10"/>
        <rFont val="ＭＳ Ｐゴシック"/>
        <family val="3"/>
        <charset val="128"/>
      </rPr>
      <t>トリ</t>
    </r>
    <r>
      <rPr>
        <sz val="10"/>
        <rFont val="Arial"/>
        <family val="2"/>
      </rPr>
      <t>-tert-</t>
    </r>
    <r>
      <rPr>
        <sz val="10"/>
        <rFont val="ＭＳ Ｐゴシック"/>
        <family val="3"/>
        <charset val="128"/>
      </rPr>
      <t>ブチルフェノール（</t>
    </r>
    <r>
      <rPr>
        <sz val="10"/>
        <rFont val="Arial"/>
        <family val="2"/>
      </rPr>
      <t>2,4,6-TTBP</t>
    </r>
    <r>
      <rPr>
        <sz val="10"/>
        <rFont val="ＭＳ Ｐゴシック"/>
        <family val="3"/>
        <charset val="128"/>
      </rPr>
      <t>）</t>
    </r>
  </si>
  <si>
    <r>
      <t>4,4'-</t>
    </r>
    <r>
      <rPr>
        <sz val="10"/>
        <rFont val="ＭＳ Ｐゴシック"/>
        <family val="3"/>
        <charset val="128"/>
      </rPr>
      <t>プロパン</t>
    </r>
    <r>
      <rPr>
        <sz val="10"/>
        <rFont val="Arial"/>
        <family val="2"/>
      </rPr>
      <t>-2,2-</t>
    </r>
    <r>
      <rPr>
        <sz val="10"/>
        <rFont val="ＭＳ Ｐゴシック"/>
        <family val="3"/>
        <charset val="128"/>
      </rPr>
      <t>ジイルジフェノｰル（ビスフェノール</t>
    </r>
    <r>
      <rPr>
        <sz val="10"/>
        <rFont val="Arial"/>
        <family val="2"/>
      </rPr>
      <t>A</t>
    </r>
    <r>
      <rPr>
        <sz val="10"/>
        <rFont val="ＭＳ Ｐゴシック"/>
        <family val="3"/>
        <charset val="128"/>
      </rPr>
      <t>）</t>
    </r>
  </si>
  <si>
    <r>
      <rPr>
        <sz val="10"/>
        <rFont val="ＭＳ Ｐゴシック"/>
        <family val="3"/>
        <charset val="128"/>
      </rPr>
      <t>ビス</t>
    </r>
    <r>
      <rPr>
        <sz val="10"/>
        <rFont val="Arial"/>
        <family val="2"/>
      </rPr>
      <t>(4-</t>
    </r>
    <r>
      <rPr>
        <sz val="10"/>
        <rFont val="ＭＳ Ｐゴシック"/>
        <family val="3"/>
        <charset val="128"/>
      </rPr>
      <t>ヒドロキシフェニル</t>
    </r>
    <r>
      <rPr>
        <sz val="10"/>
        <rFont val="Arial"/>
        <family val="2"/>
      </rPr>
      <t>)</t>
    </r>
    <r>
      <rPr>
        <sz val="10"/>
        <rFont val="ＭＳ Ｐゴシック"/>
        <family val="3"/>
        <charset val="128"/>
      </rPr>
      <t>スルホン（ビスフェノール</t>
    </r>
    <r>
      <rPr>
        <sz val="10"/>
        <rFont val="Arial"/>
        <family val="2"/>
      </rPr>
      <t>S</t>
    </r>
    <r>
      <rPr>
        <sz val="10"/>
        <rFont val="ＭＳ Ｐゴシック"/>
        <family val="3"/>
        <charset val="128"/>
      </rPr>
      <t>）</t>
    </r>
  </si>
  <si>
    <r>
      <rPr>
        <sz val="10"/>
        <rFont val="ＭＳ Ｐゴシック"/>
        <family val="3"/>
        <charset val="128"/>
      </rPr>
      <t>米国</t>
    </r>
    <r>
      <rPr>
        <sz val="10"/>
        <rFont val="Arial"/>
        <family val="2"/>
      </rPr>
      <t xml:space="preserve"> TSCA</t>
    </r>
    <rPh sb="0" eb="2">
      <t>ベイコク</t>
    </rPh>
    <phoneticPr fontId="7"/>
  </si>
  <si>
    <t>- 3/3 -</t>
    <phoneticPr fontId="7"/>
  </si>
  <si>
    <t>(Used in thermal paper, containing equal to or greater than 0.02wt%) and used for products with a limited destination and  having permission from adoption decision.</t>
    <phoneticPr fontId="7"/>
  </si>
  <si>
    <r>
      <rPr>
        <sz val="11"/>
        <rFont val="ＭＳ Ｐゴシック"/>
        <family val="3"/>
        <charset val="128"/>
      </rPr>
      <t>感熱紙以外の用途に使用されている／</t>
    </r>
    <r>
      <rPr>
        <sz val="9"/>
        <rFont val="Arial"/>
        <family val="2"/>
      </rPr>
      <t>Used for other than thermal paper.</t>
    </r>
    <rPh sb="3" eb="5">
      <t>イガイ</t>
    </rPh>
    <rPh sb="9" eb="11">
      <t>シヨウ</t>
    </rPh>
    <phoneticPr fontId="7"/>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スイス化学品法、
米国コネチカット州法</t>
    </r>
    <rPh sb="8" eb="10">
      <t>キソク</t>
    </rPh>
    <rPh sb="11" eb="14">
      <t>フゾクショ</t>
    </rPh>
    <rPh sb="22" eb="25">
      <t>カガクヒン</t>
    </rPh>
    <rPh sb="25" eb="26">
      <t>ホウ</t>
    </rPh>
    <rPh sb="28" eb="30">
      <t>ベイコク</t>
    </rPh>
    <rPh sb="36" eb="38">
      <t>シュウホウ</t>
    </rPh>
    <phoneticPr fontId="7"/>
  </si>
  <si>
    <r>
      <rPr>
        <sz val="10"/>
        <rFont val="ＭＳ Ｐゴシック"/>
        <family val="3"/>
        <charset val="128"/>
      </rPr>
      <t>化審法、</t>
    </r>
    <r>
      <rPr>
        <sz val="10"/>
        <rFont val="Arial"/>
        <family val="2"/>
      </rP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 xml:space="preserve">、
</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
      <rPr>
        <sz val="10"/>
        <rFont val="ＭＳ Ｐゴシック"/>
        <family val="3"/>
        <charset val="128"/>
      </rPr>
      <t>、米国</t>
    </r>
    <r>
      <rPr>
        <sz val="10"/>
        <rFont val="Arial"/>
        <family val="2"/>
      </rPr>
      <t xml:space="preserve"> TSCA</t>
    </r>
    <rPh sb="0" eb="3">
      <t>カシンホウ</t>
    </rPh>
    <rPh sb="11" eb="13">
      <t>シレイ</t>
    </rPh>
    <phoneticPr fontId="7"/>
  </si>
  <si>
    <t>Used in every application other than the following (4)-(13).</t>
    <phoneticPr fontId="7"/>
  </si>
  <si>
    <t>&lt; Applicable                  / Not Applicable &gt;</t>
  </si>
  <si>
    <t>Others (appendix)
1/3 ~ 3/3</t>
    <phoneticPr fontId="7"/>
  </si>
  <si>
    <t>4(f)-II</t>
    <phoneticPr fontId="7"/>
  </si>
  <si>
    <t>4(f)-IV</t>
  </si>
  <si>
    <t>Mercury in lamps emitting light in the ultraviolet spectrum  [Expires on 24 Aug. 2026]</t>
    <phoneticPr fontId="7"/>
  </si>
  <si>
    <t>Perfluorocarboxylic acids containing 9 to 14 carbon atoms in the chain (C9-C14 PFCAs), their salts and C9-C14 PFCA-related substances</t>
    <phoneticPr fontId="7"/>
  </si>
  <si>
    <t>Ver.14.0</t>
    <phoneticPr fontId="7"/>
  </si>
  <si>
    <t>1,2-Bis(2,3,4,5,6-pentabromophenyl)ethane (DBDPE)</t>
    <phoneticPr fontId="7"/>
  </si>
  <si>
    <t>Tetrabromobisphenol A (TBBPA)</t>
    <phoneticPr fontId="7"/>
  </si>
  <si>
    <t>Medium Chain Chlorinated paraffins
(MCCPs, C14-17, chlorination levels at or exceeding 45% chlorine by weight)</t>
    <phoneticPr fontId="7"/>
  </si>
  <si>
    <t>Please reply the content status of "Candidate substances to be banned" in the table below.</t>
    <phoneticPr fontId="7"/>
  </si>
  <si>
    <t xml:space="preserve">         Substances that are expected to be banned in the near future under domestic and foreign laws and regulations.</t>
    <phoneticPr fontId="7"/>
  </si>
  <si>
    <t xml:space="preserve">         Since the threshold value, prohibited date, regulated use (excluded use), etc. have not been determined in the laws and regulations,</t>
    <phoneticPr fontId="7"/>
  </si>
  <si>
    <t xml:space="preserve">         Depending on the timing when laws and regulations are finalized, it may not be possible to set a grace period from the designation </t>
    <phoneticPr fontId="7"/>
  </si>
  <si>
    <t>Used in enclosure and stand of electronic displays including televisions, monitors and digital signage displays with a screen area over 100cm2.</t>
    <phoneticPr fontId="7"/>
  </si>
  <si>
    <t>The following (1) and (2) are to be satisfied in the Mixture or Article._x000D_
(1) The sum of PFHxA and their salts:_x000D_
      Content is less than 0.0000025% (25ppb)_x000D_
(2) The sum of PFHxA-related substances and their combinations:_x000D_
      Content is less than 0.0001% (1000ppb).</t>
  </si>
  <si>
    <t>Perfluorohexanoic acid (PFHxA), its salts and PFHxA-related substances</t>
  </si>
  <si>
    <r>
      <rPr>
        <sz val="10"/>
        <rFont val="ＭＳ Ｐゴシック"/>
        <family val="3"/>
        <charset val="128"/>
      </rPr>
      <t>鉛及びその化合物</t>
    </r>
    <phoneticPr fontId="7"/>
  </si>
  <si>
    <r>
      <rPr>
        <sz val="10"/>
        <rFont val="ＭＳ Ｐゴシック"/>
        <family val="3"/>
        <charset val="128"/>
      </rPr>
      <t>ペンタクロロベンゼンチオール（</t>
    </r>
    <r>
      <rPr>
        <sz val="10"/>
        <rFont val="Arial"/>
        <family val="2"/>
      </rPr>
      <t>PCTP</t>
    </r>
    <r>
      <rPr>
        <sz val="10"/>
        <rFont val="ＭＳ Ｐゴシック"/>
        <family val="3"/>
        <charset val="128"/>
      </rPr>
      <t>）</t>
    </r>
  </si>
  <si>
    <r>
      <rPr>
        <sz val="10"/>
        <rFont val="ＭＳ Ｐゴシック"/>
        <family val="3"/>
        <charset val="128"/>
      </rPr>
      <t>←</t>
    </r>
    <phoneticPr fontId="7"/>
  </si>
  <si>
    <r>
      <t xml:space="preserve">A1. RoHS </t>
    </r>
    <r>
      <rPr>
        <sz val="10"/>
        <color theme="1"/>
        <rFont val="ＭＳ Ｐゴシック"/>
        <family val="3"/>
        <charset val="128"/>
      </rPr>
      <t>全面禁止</t>
    </r>
    <phoneticPr fontId="7"/>
  </si>
  <si>
    <r>
      <rPr>
        <sz val="10"/>
        <rFont val="ＭＳ Ｐゴシック"/>
        <family val="3"/>
        <charset val="128"/>
      </rPr>
      <t>リン酸トリス（</t>
    </r>
    <r>
      <rPr>
        <sz val="10"/>
        <rFont val="Arial"/>
        <family val="2"/>
      </rPr>
      <t>1-</t>
    </r>
    <r>
      <rPr>
        <sz val="10"/>
        <rFont val="ＭＳ Ｐゴシック"/>
        <family val="3"/>
        <charset val="128"/>
      </rPr>
      <t>メチル</t>
    </r>
    <r>
      <rPr>
        <sz val="10"/>
        <rFont val="Arial"/>
        <family val="2"/>
      </rPr>
      <t>-2-</t>
    </r>
    <r>
      <rPr>
        <sz val="10"/>
        <rFont val="ＭＳ Ｐゴシック"/>
        <family val="3"/>
        <charset val="128"/>
      </rPr>
      <t>クロロエチル）</t>
    </r>
    <r>
      <rPr>
        <sz val="10"/>
        <rFont val="Arial"/>
        <family val="2"/>
      </rPr>
      <t>(TCPP)</t>
    </r>
    <phoneticPr fontId="7"/>
  </si>
  <si>
    <r>
      <rPr>
        <sz val="10"/>
        <rFont val="ＭＳ Ｐゴシック"/>
        <family val="3"/>
        <charset val="128"/>
      </rPr>
      <t>リン酸トリス（</t>
    </r>
    <r>
      <rPr>
        <sz val="10"/>
        <rFont val="Arial"/>
        <family val="2"/>
      </rPr>
      <t>1,3-</t>
    </r>
    <r>
      <rPr>
        <sz val="10"/>
        <rFont val="ＭＳ Ｐゴシック"/>
        <family val="3"/>
        <charset val="128"/>
      </rPr>
      <t>ジクロロ</t>
    </r>
    <r>
      <rPr>
        <sz val="10"/>
        <rFont val="Arial"/>
        <family val="2"/>
      </rPr>
      <t>-2-</t>
    </r>
    <r>
      <rPr>
        <sz val="10"/>
        <rFont val="ＭＳ Ｐゴシック"/>
        <family val="3"/>
        <charset val="128"/>
      </rPr>
      <t>プロピル）</t>
    </r>
    <r>
      <rPr>
        <sz val="10"/>
        <rFont val="Arial"/>
        <family val="2"/>
      </rPr>
      <t>(TDCPP)</t>
    </r>
    <phoneticPr fontId="7"/>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phoneticPr fontId="7"/>
  </si>
  <si>
    <r>
      <rPr>
        <sz val="10"/>
        <rFont val="ＭＳ Ｐゴシック"/>
        <family val="3"/>
        <charset val="128"/>
      </rPr>
      <t>スイス化学品法</t>
    </r>
    <phoneticPr fontId="7"/>
  </si>
  <si>
    <t>The following (1) and (2) are to be satisfied in the Mixture or Article.
(1) The sum of C9-C14 PFCAs and their salts:
      Content is less than 25ppb (0.025ppm).
(2) The sum of C9-C14 PFCA-related substances:
      Content is less than 260 ppb (0.26ppm).</t>
    <phoneticPr fontId="7"/>
  </si>
  <si>
    <t>Content is 1000ppm or less and Not intentionally added.</t>
    <phoneticPr fontId="7"/>
  </si>
  <si>
    <t>Content is 1000ppm or less and Not intentionally added.</t>
    <phoneticPr fontId="7"/>
  </si>
  <si>
    <r>
      <rPr>
        <sz val="11"/>
        <rFont val="ＭＳ Ｐゴシック"/>
        <family val="3"/>
        <charset val="128"/>
      </rPr>
      <t>意図的に添加していない（塩素数</t>
    </r>
    <r>
      <rPr>
        <sz val="11"/>
        <rFont val="Arial"/>
        <family val="2"/>
      </rPr>
      <t>1</t>
    </r>
    <r>
      <rPr>
        <sz val="11"/>
        <rFont val="ＭＳ Ｐゴシック"/>
        <family val="3"/>
        <charset val="128"/>
      </rPr>
      <t>～</t>
    </r>
    <r>
      <rPr>
        <sz val="11"/>
        <rFont val="Arial"/>
        <family val="2"/>
      </rPr>
      <t>8</t>
    </r>
    <r>
      <rPr>
        <sz val="11"/>
        <rFont val="ＭＳ Ｐゴシック"/>
        <family val="3"/>
        <charset val="128"/>
      </rPr>
      <t>が対象）／</t>
    </r>
    <rPh sb="19" eb="21">
      <t>タイショウ</t>
    </rPh>
    <phoneticPr fontId="7"/>
  </si>
  <si>
    <r>
      <rPr>
        <sz val="11"/>
        <rFont val="ＭＳ Ｐゴシック"/>
        <family val="3"/>
        <charset val="128"/>
      </rPr>
      <t>意図的に添加せず、かつ</t>
    </r>
    <r>
      <rPr>
        <sz val="11"/>
        <rFont val="Arial"/>
        <family val="2"/>
      </rPr>
      <t>50ppm</t>
    </r>
    <r>
      <rPr>
        <sz val="11"/>
        <rFont val="ＭＳ Ｐゴシック"/>
        <family val="3"/>
        <charset val="128"/>
      </rPr>
      <t>以下の含有である／</t>
    </r>
    <phoneticPr fontId="7"/>
  </si>
  <si>
    <t>Content is 50ppm or less and Not intentionally added.</t>
    <phoneticPr fontId="7"/>
  </si>
  <si>
    <t>Content is 100ppm or less and Not intentionally added.</t>
    <phoneticPr fontId="7"/>
  </si>
  <si>
    <t>Content is 0.1ppm or less and Not intentionally added.</t>
    <phoneticPr fontId="7"/>
  </si>
  <si>
    <r>
      <rPr>
        <sz val="11"/>
        <rFont val="ＭＳ Ｐゴシック"/>
        <family val="3"/>
        <charset val="128"/>
      </rPr>
      <t>成形品質量中または混合物中において、下記</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を満たす。
</t>
    </r>
    <r>
      <rPr>
        <sz val="11"/>
        <rFont val="Arial"/>
        <family val="2"/>
      </rPr>
      <t>(1) C9-C14 PFCAs</t>
    </r>
    <r>
      <rPr>
        <sz val="11"/>
        <rFont val="ＭＳ Ｐゴシック"/>
        <family val="3"/>
        <charset val="128"/>
      </rPr>
      <t>とその塩の場合、</t>
    </r>
    <r>
      <rPr>
        <sz val="11"/>
        <rFont val="Arial"/>
        <family val="2"/>
      </rPr>
      <t>C9-C14 PFCAs</t>
    </r>
    <r>
      <rPr>
        <sz val="11"/>
        <rFont val="ＭＳ Ｐゴシック"/>
        <family val="3"/>
        <charset val="128"/>
      </rPr>
      <t>とその塩の合計で、
　　</t>
    </r>
    <r>
      <rPr>
        <sz val="11"/>
        <rFont val="Arial"/>
        <family val="2"/>
      </rPr>
      <t>25ppb</t>
    </r>
    <r>
      <rPr>
        <sz val="11"/>
        <rFont val="ＭＳ Ｐゴシック"/>
        <family val="3"/>
        <charset val="128"/>
      </rPr>
      <t>（</t>
    </r>
    <r>
      <rPr>
        <sz val="11"/>
        <rFont val="Arial"/>
        <family val="2"/>
      </rPr>
      <t>0.025ppm</t>
    </r>
    <r>
      <rPr>
        <sz val="11"/>
        <rFont val="ＭＳ Ｐゴシック"/>
        <family val="3"/>
        <charset val="128"/>
      </rPr>
      <t xml:space="preserve">）未満である。
</t>
    </r>
    <r>
      <rPr>
        <sz val="11"/>
        <rFont val="Arial"/>
        <family val="2"/>
      </rPr>
      <t>(2) C9-C14 PFCA</t>
    </r>
    <r>
      <rPr>
        <sz val="11"/>
        <rFont val="ＭＳ Ｐゴシック"/>
        <family val="3"/>
        <charset val="128"/>
      </rPr>
      <t>関連物質の場合、</t>
    </r>
    <r>
      <rPr>
        <sz val="11"/>
        <rFont val="Arial"/>
        <family val="2"/>
      </rPr>
      <t>C9-C14 PFCA</t>
    </r>
    <r>
      <rPr>
        <sz val="11"/>
        <rFont val="ＭＳ Ｐゴシック"/>
        <family val="3"/>
        <charset val="128"/>
      </rPr>
      <t>関連物質の合計で、
　　</t>
    </r>
    <r>
      <rPr>
        <sz val="11"/>
        <rFont val="Arial"/>
        <family val="2"/>
      </rPr>
      <t>260ppb</t>
    </r>
    <r>
      <rPr>
        <sz val="11"/>
        <rFont val="ＭＳ Ｐゴシック"/>
        <family val="3"/>
        <charset val="128"/>
      </rPr>
      <t>（</t>
    </r>
    <r>
      <rPr>
        <sz val="11"/>
        <rFont val="Arial"/>
        <family val="2"/>
      </rPr>
      <t>0.26ppm</t>
    </r>
    <r>
      <rPr>
        <sz val="11"/>
        <rFont val="ＭＳ Ｐゴシック"/>
        <family val="3"/>
        <charset val="128"/>
      </rPr>
      <t>）未満である。／</t>
    </r>
    <rPh sb="143" eb="145">
      <t>ゴウケイ</t>
    </rPh>
    <phoneticPr fontId="7"/>
  </si>
  <si>
    <r>
      <rPr>
        <sz val="11"/>
        <rFont val="ＭＳ Ｐゴシック"/>
        <family val="3"/>
        <charset val="128"/>
      </rPr>
      <t>成形品質量中または混合物中において、下記</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を満たす。
</t>
    </r>
    <r>
      <rPr>
        <sz val="11"/>
        <rFont val="Arial"/>
        <family val="2"/>
      </rPr>
      <t>(1) PFHxS</t>
    </r>
    <r>
      <rPr>
        <sz val="11"/>
        <rFont val="ＭＳ Ｐゴシック"/>
        <family val="3"/>
        <charset val="128"/>
      </rPr>
      <t>とその塩の場合、</t>
    </r>
    <r>
      <rPr>
        <sz val="11"/>
        <rFont val="Arial"/>
        <family val="2"/>
      </rPr>
      <t>PFHxS</t>
    </r>
    <r>
      <rPr>
        <sz val="11"/>
        <rFont val="ＭＳ Ｐゴシック"/>
        <family val="3"/>
        <charset val="128"/>
      </rPr>
      <t>とその塩の合計で、
　　</t>
    </r>
    <r>
      <rPr>
        <sz val="11"/>
        <rFont val="Arial"/>
        <family val="2"/>
      </rPr>
      <t>0.0000025%</t>
    </r>
    <r>
      <rPr>
        <sz val="11"/>
        <rFont val="ＭＳ Ｐゴシック"/>
        <family val="3"/>
        <charset val="128"/>
      </rPr>
      <t>（</t>
    </r>
    <r>
      <rPr>
        <sz val="11"/>
        <rFont val="Arial"/>
        <family val="2"/>
      </rPr>
      <t>25ppb</t>
    </r>
    <r>
      <rPr>
        <sz val="11"/>
        <rFont val="ＭＳ Ｐゴシック"/>
        <family val="3"/>
        <charset val="128"/>
      </rPr>
      <t xml:space="preserve">）以下である。
</t>
    </r>
    <r>
      <rPr>
        <sz val="11"/>
        <rFont val="Arial"/>
        <family val="2"/>
      </rPr>
      <t>(2) PFHxS</t>
    </r>
    <r>
      <rPr>
        <sz val="11"/>
        <rFont val="ＭＳ Ｐゴシック"/>
        <family val="3"/>
        <charset val="128"/>
      </rPr>
      <t>関連物質の場合、</t>
    </r>
    <r>
      <rPr>
        <sz val="11"/>
        <rFont val="Arial"/>
        <family val="2"/>
      </rPr>
      <t>PFHxS</t>
    </r>
    <r>
      <rPr>
        <sz val="11"/>
        <rFont val="ＭＳ Ｐゴシック"/>
        <family val="3"/>
        <charset val="128"/>
      </rPr>
      <t>関連物質の合計で、
　　</t>
    </r>
    <r>
      <rPr>
        <sz val="11"/>
        <rFont val="Arial"/>
        <family val="2"/>
      </rPr>
      <t>0.0001%</t>
    </r>
    <r>
      <rPr>
        <sz val="11"/>
        <rFont val="ＭＳ Ｐゴシック"/>
        <family val="3"/>
        <charset val="128"/>
      </rPr>
      <t>（</t>
    </r>
    <r>
      <rPr>
        <sz val="11"/>
        <rFont val="Arial"/>
        <family val="2"/>
      </rPr>
      <t>1000ppb</t>
    </r>
    <r>
      <rPr>
        <sz val="11"/>
        <rFont val="ＭＳ Ｐゴシック"/>
        <family val="3"/>
        <charset val="128"/>
      </rPr>
      <t>）以下である。／</t>
    </r>
    <rPh sb="85" eb="87">
      <t>イカ</t>
    </rPh>
    <rPh sb="119" eb="121">
      <t>ゴウケイ</t>
    </rPh>
    <rPh sb="142" eb="144">
      <t>イカ</t>
    </rPh>
    <phoneticPr fontId="7"/>
  </si>
  <si>
    <t>Content is 1000ppm or less and Not intentionally added.</t>
    <phoneticPr fontId="7"/>
  </si>
  <si>
    <t>The following (1) and (2) are to be satisfied in the Mixture or Article.
(1) PFOA (including its salt): Content is 25ppb or less.
(2) Combination of one or multiple PFOA-related substances: 
     Total content is 1000ppb (1ppm) or less.</t>
    <phoneticPr fontId="7"/>
  </si>
  <si>
    <t>Content is 1000ppm or less and  Not intentionally added.</t>
    <phoneticPr fontId="7"/>
  </si>
  <si>
    <r>
      <rPr>
        <sz val="11"/>
        <rFont val="ＭＳ Ｐゴシック"/>
        <family val="3"/>
        <charset val="128"/>
      </rPr>
      <t>ハロゲン化金属ランプ（</t>
    </r>
    <r>
      <rPr>
        <sz val="11"/>
        <rFont val="Arial"/>
        <family val="2"/>
      </rPr>
      <t>MH</t>
    </r>
    <r>
      <rPr>
        <sz val="11"/>
        <rFont val="ＭＳ Ｐゴシック"/>
        <family val="3"/>
        <charset val="128"/>
      </rPr>
      <t>）中に使用されている</t>
    </r>
    <r>
      <rPr>
        <sz val="11"/>
        <rFont val="Arial"/>
        <family val="2"/>
      </rPr>
      <t xml:space="preserve"> </t>
    </r>
    <r>
      <rPr>
        <sz val="11"/>
        <rFont val="ＭＳ Ｐゴシック"/>
        <family val="3"/>
        <charset val="128"/>
      </rPr>
      <t>［</t>
    </r>
    <r>
      <rPr>
        <sz val="11"/>
        <rFont val="Arial"/>
        <family val="2"/>
      </rPr>
      <t>2026</t>
    </r>
    <r>
      <rPr>
        <sz val="11"/>
        <rFont val="ＭＳ Ｐゴシック"/>
        <family val="3"/>
        <charset val="128"/>
      </rPr>
      <t>年</t>
    </r>
    <r>
      <rPr>
        <sz val="11"/>
        <rFont val="Arial"/>
        <family val="2"/>
      </rPr>
      <t>8</t>
    </r>
    <r>
      <rPr>
        <sz val="11"/>
        <rFont val="ＭＳ Ｐゴシック"/>
        <family val="3"/>
        <charset val="128"/>
      </rPr>
      <t>月</t>
    </r>
    <r>
      <rPr>
        <sz val="11"/>
        <rFont val="Arial"/>
        <family val="2"/>
      </rPr>
      <t>24</t>
    </r>
    <r>
      <rPr>
        <sz val="11"/>
        <rFont val="ＭＳ Ｐゴシック"/>
        <family val="3"/>
        <charset val="128"/>
      </rPr>
      <t>日以降使用禁止］／</t>
    </r>
    <r>
      <rPr>
        <sz val="9"/>
        <rFont val="Arial"/>
        <family val="2"/>
      </rPr>
      <t>Used in metal halide lamps (MH).  [Expires on 24 Aug. 2026]</t>
    </r>
    <rPh sb="29" eb="30">
      <t>ネン</t>
    </rPh>
    <rPh sb="31" eb="32">
      <t>ガツ</t>
    </rPh>
    <rPh sb="34" eb="35">
      <t>ニチ</t>
    </rPh>
    <phoneticPr fontId="7"/>
  </si>
  <si>
    <t>4(f)-I</t>
    <phoneticPr fontId="7"/>
  </si>
  <si>
    <t xml:space="preserve">Used in other discharge lamps for special purposes specified in of EU RoHS directive Annex III 4(f)-I (2011/65/EU).  [Expires on 24 Aug. 2024] </t>
    <phoneticPr fontId="7"/>
  </si>
  <si>
    <t>Used in every application other than the following (2)-(6).</t>
    <phoneticPr fontId="7"/>
  </si>
  <si>
    <r>
      <t>100cm2</t>
    </r>
    <r>
      <rPr>
        <sz val="11"/>
        <rFont val="ＭＳ Ｐゴシック"/>
        <family val="3"/>
        <charset val="128"/>
      </rPr>
      <t>超のスクリーンを有するテレビ、モニター及びデジタルサイネージディスプレイを含む電子ディスプレイの筐体及びスタンドに使用されている／</t>
    </r>
    <rPh sb="63" eb="65">
      <t>シヨウ</t>
    </rPh>
    <phoneticPr fontId="7"/>
  </si>
  <si>
    <r>
      <t>C.</t>
    </r>
    <r>
      <rPr>
        <b/>
        <sz val="12"/>
        <rFont val="ＭＳ Ｐゴシック"/>
        <family val="3"/>
        <charset val="128"/>
      </rPr>
      <t>使用禁止候補物質／</t>
    </r>
    <r>
      <rPr>
        <b/>
        <sz val="9"/>
        <rFont val="Arial"/>
        <family val="2"/>
      </rPr>
      <t>Candidate substances to be banned</t>
    </r>
    <phoneticPr fontId="7"/>
  </si>
  <si>
    <r>
      <rPr>
        <b/>
        <u/>
        <sz val="11"/>
        <rFont val="ＭＳ Ｐゴシック"/>
        <family val="3"/>
        <charset val="128"/>
      </rPr>
      <t>「使用禁止候補物質」の説明／</t>
    </r>
    <r>
      <rPr>
        <b/>
        <u/>
        <sz val="9"/>
        <rFont val="Arial"/>
        <family val="2"/>
      </rPr>
      <t>Explanation of "Candidate substances to be banned"</t>
    </r>
    <r>
      <rPr>
        <b/>
        <u/>
        <sz val="9"/>
        <rFont val="ＭＳ Ｐゴシック"/>
        <family val="3"/>
        <charset val="128"/>
      </rPr>
      <t>：</t>
    </r>
    <phoneticPr fontId="7"/>
  </si>
  <si>
    <r>
      <t xml:space="preserve">    </t>
    </r>
    <r>
      <rPr>
        <sz val="11"/>
        <rFont val="ＭＳ Ｐゴシック"/>
        <family val="3"/>
        <charset val="128"/>
      </rPr>
      <t>・国内外の法規制等において、近い将来に使用禁止が見込まれている物質／</t>
    </r>
  </si>
  <si>
    <r>
      <t xml:space="preserve">      </t>
    </r>
    <r>
      <rPr>
        <sz val="11"/>
        <rFont val="ＭＳ Ｐゴシック"/>
        <family val="3"/>
        <charset val="128"/>
      </rPr>
      <t>ことがありますので、含有している場合は早期に代替化を進めてください／</t>
    </r>
  </si>
  <si>
    <r>
      <rPr>
        <sz val="10"/>
        <rFont val="ＭＳ Ｐゴシック"/>
        <family val="3"/>
        <charset val="128"/>
      </rPr>
      <t>炭素数が</t>
    </r>
    <r>
      <rPr>
        <sz val="10"/>
        <rFont val="Arial"/>
        <family val="2"/>
      </rPr>
      <t>9</t>
    </r>
    <r>
      <rPr>
        <sz val="10"/>
        <rFont val="ＭＳ Ｐゴシック"/>
        <family val="3"/>
        <charset val="128"/>
      </rPr>
      <t>から</t>
    </r>
    <r>
      <rPr>
        <sz val="10"/>
        <rFont val="Arial"/>
        <family val="2"/>
      </rPr>
      <t>14</t>
    </r>
    <r>
      <rPr>
        <sz val="10"/>
        <rFont val="ＭＳ Ｐゴシック"/>
        <family val="3"/>
        <charset val="128"/>
      </rPr>
      <t>のパーフルオロカルボン酸（</t>
    </r>
    <r>
      <rPr>
        <sz val="10"/>
        <rFont val="Arial"/>
        <family val="2"/>
      </rPr>
      <t>C9-C14 PFCAs</t>
    </r>
    <r>
      <rPr>
        <sz val="10"/>
        <rFont val="ＭＳ Ｐゴシック"/>
        <family val="3"/>
        <charset val="128"/>
      </rPr>
      <t>）とその塩および</t>
    </r>
    <r>
      <rPr>
        <sz val="10"/>
        <rFont val="Arial"/>
        <family val="2"/>
      </rPr>
      <t>C9-C14 PFCA</t>
    </r>
    <r>
      <rPr>
        <sz val="10"/>
        <rFont val="ＭＳ Ｐゴシック"/>
        <family val="3"/>
        <charset val="128"/>
      </rPr>
      <t>関連物質</t>
    </r>
    <phoneticPr fontId="7"/>
  </si>
  <si>
    <r>
      <t>1,2-</t>
    </r>
    <r>
      <rPr>
        <sz val="10"/>
        <rFont val="ＭＳ Ｐゴシック"/>
        <family val="3"/>
        <charset val="128"/>
      </rPr>
      <t>ビス</t>
    </r>
    <r>
      <rPr>
        <sz val="10"/>
        <rFont val="Arial"/>
        <family val="2"/>
      </rPr>
      <t>(2,3,4,5,6-</t>
    </r>
    <r>
      <rPr>
        <sz val="10"/>
        <rFont val="ＭＳ Ｐゴシック"/>
        <family val="3"/>
        <charset val="128"/>
      </rPr>
      <t>ペンタブロモフェニル</t>
    </r>
    <r>
      <rPr>
        <sz val="10"/>
        <rFont val="Arial"/>
        <family val="2"/>
      </rPr>
      <t>)</t>
    </r>
    <r>
      <rPr>
        <sz val="10"/>
        <rFont val="ＭＳ Ｐゴシック"/>
        <family val="3"/>
        <charset val="128"/>
      </rPr>
      <t>エタン</t>
    </r>
    <r>
      <rPr>
        <sz val="10"/>
        <rFont val="Arial"/>
        <family val="2"/>
      </rPr>
      <t xml:space="preserve"> </t>
    </r>
    <r>
      <rPr>
        <sz val="10"/>
        <rFont val="ＭＳ Ｐゴシック"/>
        <family val="3"/>
        <charset val="128"/>
      </rPr>
      <t>（</t>
    </r>
    <r>
      <rPr>
        <sz val="10"/>
        <rFont val="Arial"/>
        <family val="2"/>
      </rPr>
      <t>DBDPE</t>
    </r>
    <r>
      <rPr>
        <sz val="10"/>
        <rFont val="ＭＳ Ｐゴシック"/>
        <family val="3"/>
        <charset val="128"/>
      </rPr>
      <t>）</t>
    </r>
  </si>
  <si>
    <r>
      <rPr>
        <sz val="10"/>
        <rFont val="ＭＳ Ｐゴシック"/>
        <family val="3"/>
        <charset val="128"/>
      </rPr>
      <t>ペルフルオロヘキサンスルホン酸（</t>
    </r>
    <r>
      <rPr>
        <sz val="10"/>
        <rFont val="Arial"/>
        <family val="2"/>
      </rPr>
      <t>PFHxS</t>
    </r>
    <r>
      <rPr>
        <sz val="10"/>
        <rFont val="ＭＳ Ｐゴシック"/>
        <family val="3"/>
        <charset val="128"/>
      </rPr>
      <t>）とその塩および</t>
    </r>
    <r>
      <rPr>
        <sz val="10"/>
        <rFont val="Arial"/>
        <family val="2"/>
      </rPr>
      <t>PFHxS</t>
    </r>
    <r>
      <rPr>
        <sz val="10"/>
        <rFont val="ＭＳ Ｐゴシック"/>
        <family val="3"/>
        <charset val="128"/>
      </rPr>
      <t>関連物質</t>
    </r>
  </si>
  <si>
    <r>
      <rPr>
        <sz val="10"/>
        <rFont val="ＭＳ Ｐゴシック"/>
        <family val="3"/>
        <charset val="128"/>
      </rPr>
      <t>カナダ環境保護法</t>
    </r>
    <rPh sb="3" eb="5">
      <t>カンキョウ</t>
    </rPh>
    <rPh sb="5" eb="8">
      <t>ホゴホウ</t>
    </rPh>
    <phoneticPr fontId="7"/>
  </si>
  <si>
    <r>
      <rPr>
        <sz val="10"/>
        <rFont val="ＭＳ Ｐゴシック"/>
        <family val="3"/>
        <charset val="128"/>
      </rPr>
      <t>テトラブロモビスフェノール</t>
    </r>
    <r>
      <rPr>
        <sz val="10"/>
        <rFont val="Arial"/>
        <family val="2"/>
      </rPr>
      <t xml:space="preserve">A </t>
    </r>
    <r>
      <rPr>
        <sz val="10"/>
        <rFont val="ＭＳ Ｐゴシック"/>
        <family val="3"/>
        <charset val="128"/>
      </rPr>
      <t>（</t>
    </r>
    <r>
      <rPr>
        <sz val="10"/>
        <rFont val="Arial"/>
        <family val="2"/>
      </rPr>
      <t>TBBPA</t>
    </r>
    <r>
      <rPr>
        <sz val="10"/>
        <rFont val="ＭＳ Ｐゴシック"/>
        <family val="3"/>
        <charset val="128"/>
      </rPr>
      <t>）</t>
    </r>
  </si>
  <si>
    <r>
      <t>EU RoHS</t>
    </r>
    <r>
      <rPr>
        <sz val="10"/>
        <rFont val="ＭＳ Ｐゴシック"/>
        <family val="3"/>
        <charset val="128"/>
      </rPr>
      <t>指令</t>
    </r>
  </si>
  <si>
    <r>
      <rPr>
        <sz val="10"/>
        <rFont val="ＭＳ Ｐゴシック"/>
        <family val="3"/>
        <charset val="128"/>
      </rPr>
      <t>中鎖塩素化パラフィン_x000D_
（</t>
    </r>
    <r>
      <rPr>
        <sz val="10"/>
        <rFont val="Arial"/>
        <family val="2"/>
      </rPr>
      <t>MCCPs</t>
    </r>
    <r>
      <rPr>
        <sz val="10"/>
        <rFont val="ＭＳ Ｐゴシック"/>
        <family val="3"/>
        <charset val="128"/>
      </rPr>
      <t>、</t>
    </r>
    <r>
      <rPr>
        <sz val="10"/>
        <rFont val="Arial"/>
        <family val="2"/>
      </rPr>
      <t>C14-17</t>
    </r>
    <r>
      <rPr>
        <sz val="10"/>
        <rFont val="ＭＳ Ｐゴシック"/>
        <family val="3"/>
        <charset val="128"/>
      </rPr>
      <t>、塩素化率</t>
    </r>
    <r>
      <rPr>
        <sz val="10"/>
        <rFont val="Arial"/>
        <family val="2"/>
      </rPr>
      <t>45wt%</t>
    </r>
    <r>
      <rPr>
        <sz val="10"/>
        <rFont val="ＭＳ Ｐゴシック"/>
        <family val="3"/>
        <charset val="128"/>
      </rPr>
      <t>以上）</t>
    </r>
  </si>
  <si>
    <r>
      <rPr>
        <sz val="10"/>
        <rFont val="ＭＳ Ｐゴシック"/>
        <family val="3"/>
        <charset val="128"/>
      </rPr>
      <t>パーフルオロヘキサン酸</t>
    </r>
    <r>
      <rPr>
        <sz val="10"/>
        <rFont val="Arial"/>
        <family val="2"/>
      </rPr>
      <t>(PFHxA)</t>
    </r>
    <r>
      <rPr>
        <sz val="10"/>
        <rFont val="ＭＳ Ｐゴシック"/>
        <family val="3"/>
        <charset val="128"/>
      </rPr>
      <t>とその塩および</t>
    </r>
    <r>
      <rPr>
        <sz val="10"/>
        <rFont val="Arial"/>
        <family val="2"/>
      </rPr>
      <t>PFHxA</t>
    </r>
    <r>
      <rPr>
        <sz val="10"/>
        <rFont val="ＭＳ Ｐゴシック"/>
        <family val="3"/>
        <charset val="128"/>
      </rPr>
      <t>関連物質</t>
    </r>
  </si>
  <si>
    <r>
      <rPr>
        <sz val="10"/>
        <rFont val="ＭＳ Ｐゴシック"/>
        <family val="3"/>
        <charset val="128"/>
      </rPr>
      <t>米国特定州</t>
    </r>
    <r>
      <rPr>
        <sz val="10"/>
        <rFont val="Arial"/>
        <family val="2"/>
      </rPr>
      <t xml:space="preserve"> </t>
    </r>
    <r>
      <rPr>
        <sz val="10"/>
        <rFont val="ＭＳ Ｐゴシック"/>
        <family val="3"/>
        <charset val="128"/>
      </rPr>
      <t>包装材有害物質規則</t>
    </r>
    <rPh sb="0" eb="2">
      <t>ベイコク</t>
    </rPh>
    <rPh sb="2" eb="5">
      <t>トクテイシュウ</t>
    </rPh>
    <rPh sb="6" eb="9">
      <t>ホウソウザイ</t>
    </rPh>
    <rPh sb="9" eb="11">
      <t>ユウガイ</t>
    </rPh>
    <rPh sb="11" eb="13">
      <t>ブッシツ</t>
    </rPh>
    <rPh sb="13" eb="15">
      <t>キソク</t>
    </rPh>
    <phoneticPr fontId="7"/>
  </si>
  <si>
    <t>Used in the other than the following (2).</t>
    <phoneticPr fontId="7"/>
  </si>
  <si>
    <r>
      <rPr>
        <sz val="10"/>
        <rFont val="ＭＳ Ｐゴシック"/>
        <family val="3"/>
        <charset val="128"/>
      </rPr>
      <t>フタル酸ジ（</t>
    </r>
    <r>
      <rPr>
        <sz val="10"/>
        <rFont val="Arial"/>
        <family val="2"/>
      </rPr>
      <t>2-</t>
    </r>
    <r>
      <rPr>
        <sz val="10"/>
        <rFont val="ＭＳ Ｐゴシック"/>
        <family val="3"/>
        <charset val="128"/>
      </rPr>
      <t>エチルヘキシル）（</t>
    </r>
    <r>
      <rPr>
        <sz val="10"/>
        <rFont val="Arial"/>
        <family val="2"/>
      </rPr>
      <t>DEHP</t>
    </r>
    <r>
      <rPr>
        <sz val="10"/>
        <rFont val="ＭＳ Ｐゴシック"/>
        <family val="3"/>
        <charset val="128"/>
      </rPr>
      <t>）、フタル酸ジブチル（</t>
    </r>
    <r>
      <rPr>
        <sz val="10"/>
        <rFont val="Arial"/>
        <family val="2"/>
      </rPr>
      <t>DBP</t>
    </r>
    <r>
      <rPr>
        <sz val="10"/>
        <rFont val="ＭＳ Ｐゴシック"/>
        <family val="3"/>
        <charset val="128"/>
      </rPr>
      <t>）、フタル酸ブチルベンジル（</t>
    </r>
    <r>
      <rPr>
        <sz val="10"/>
        <rFont val="Arial"/>
        <family val="2"/>
      </rPr>
      <t>BBP</t>
    </r>
    <r>
      <rPr>
        <sz val="10"/>
        <rFont val="ＭＳ Ｐゴシック"/>
        <family val="3"/>
        <charset val="128"/>
      </rPr>
      <t>）、フタル酸ジイソブチル（</t>
    </r>
    <r>
      <rPr>
        <sz val="10"/>
        <rFont val="Arial"/>
        <family val="2"/>
      </rPr>
      <t>DIBP</t>
    </r>
    <r>
      <rPr>
        <sz val="10"/>
        <rFont val="ＭＳ Ｐゴシック"/>
        <family val="3"/>
        <charset val="128"/>
      </rPr>
      <t>）</t>
    </r>
    <phoneticPr fontId="7"/>
  </si>
  <si>
    <r>
      <rPr>
        <sz val="10"/>
        <rFont val="ＭＳ Ｐゴシック"/>
        <family val="3"/>
        <charset val="128"/>
      </rPr>
      <t>化審法、</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phoneticPr fontId="7"/>
  </si>
  <si>
    <r>
      <rPr>
        <sz val="10"/>
        <rFont val="ＭＳ Ｐゴシック"/>
        <family val="3"/>
        <charset val="128"/>
      </rPr>
      <t>スイス化学品法、</t>
    </r>
    <r>
      <rPr>
        <sz val="10"/>
        <rFont val="Arial"/>
        <family val="2"/>
      </rPr>
      <t>POPs</t>
    </r>
    <r>
      <rPr>
        <sz val="10"/>
        <rFont val="ＭＳ Ｐゴシック"/>
        <family val="3"/>
        <charset val="128"/>
      </rPr>
      <t>条約</t>
    </r>
    <phoneticPr fontId="7"/>
  </si>
  <si>
    <r>
      <rPr>
        <sz val="10"/>
        <rFont val="ＭＳ Ｐゴシック"/>
        <family val="3"/>
        <charset val="128"/>
      </rPr>
      <t>リン酸トリス（</t>
    </r>
    <r>
      <rPr>
        <sz val="10"/>
        <rFont val="Arial"/>
        <family val="2"/>
      </rPr>
      <t>2-</t>
    </r>
    <r>
      <rPr>
        <sz val="10"/>
        <rFont val="ＭＳ Ｐゴシック"/>
        <family val="3"/>
        <charset val="128"/>
      </rPr>
      <t>クロロエチル）（</t>
    </r>
    <r>
      <rPr>
        <sz val="10"/>
        <rFont val="Arial"/>
        <family val="2"/>
      </rPr>
      <t>TCEP</t>
    </r>
    <r>
      <rPr>
        <sz val="10"/>
        <rFont val="ＭＳ Ｐゴシック"/>
        <family val="3"/>
        <charset val="128"/>
      </rPr>
      <t>）</t>
    </r>
    <phoneticPr fontId="7"/>
  </si>
  <si>
    <r>
      <rPr>
        <sz val="10"/>
        <rFont val="ＭＳ Ｐゴシック"/>
        <family val="3"/>
        <charset val="128"/>
      </rPr>
      <t>リン酸トリス（</t>
    </r>
    <r>
      <rPr>
        <sz val="10"/>
        <rFont val="Arial"/>
        <family val="2"/>
      </rPr>
      <t>1,3-</t>
    </r>
    <r>
      <rPr>
        <sz val="10"/>
        <rFont val="ＭＳ Ｐゴシック"/>
        <family val="3"/>
        <charset val="128"/>
      </rPr>
      <t>ジクロロ</t>
    </r>
    <r>
      <rPr>
        <sz val="10"/>
        <rFont val="Arial"/>
        <family val="2"/>
      </rPr>
      <t>-2-</t>
    </r>
    <r>
      <rPr>
        <sz val="10"/>
        <rFont val="ＭＳ Ｐゴシック"/>
        <family val="3"/>
        <charset val="128"/>
      </rPr>
      <t>プロピル）（</t>
    </r>
    <r>
      <rPr>
        <sz val="10"/>
        <rFont val="Arial"/>
        <family val="2"/>
      </rPr>
      <t>TDCPP</t>
    </r>
    <r>
      <rPr>
        <sz val="10"/>
        <rFont val="ＭＳ Ｐゴシック"/>
        <family val="3"/>
        <charset val="128"/>
      </rPr>
      <t>）</t>
    </r>
    <phoneticPr fontId="7"/>
  </si>
  <si>
    <r>
      <rPr>
        <sz val="10"/>
        <rFont val="ＭＳ Ｐゴシック"/>
        <family val="3"/>
        <charset val="128"/>
      </rPr>
      <t>リン酸トリス（</t>
    </r>
    <r>
      <rPr>
        <sz val="10"/>
        <rFont val="Arial"/>
        <family val="2"/>
      </rPr>
      <t>2-</t>
    </r>
    <r>
      <rPr>
        <sz val="10"/>
        <rFont val="ＭＳ Ｐゴシック"/>
        <family val="3"/>
        <charset val="128"/>
      </rPr>
      <t>クロロエチル）</t>
    </r>
    <r>
      <rPr>
        <sz val="10"/>
        <rFont val="Arial"/>
        <family val="2"/>
      </rPr>
      <t>(TCEP)</t>
    </r>
    <phoneticPr fontId="7"/>
  </si>
  <si>
    <r>
      <t>C1.</t>
    </r>
    <r>
      <rPr>
        <b/>
        <sz val="11"/>
        <rFont val="ＭＳ Ｐゴシック"/>
        <family val="3"/>
        <charset val="128"/>
      </rPr>
      <t>使用を禁止する</t>
    </r>
    <r>
      <rPr>
        <b/>
        <u/>
        <sz val="11"/>
        <rFont val="ＭＳ Ｐゴシック"/>
        <family val="3"/>
        <charset val="128"/>
      </rPr>
      <t>候補</t>
    </r>
    <r>
      <rPr>
        <b/>
        <sz val="11"/>
        <rFont val="ＭＳ Ｐゴシック"/>
        <family val="3"/>
        <charset val="128"/>
      </rPr>
      <t>の化学物質の製品への含有について／</t>
    </r>
    <phoneticPr fontId="7"/>
  </si>
  <si>
    <r>
      <rPr>
        <sz val="11"/>
        <rFont val="ＭＳ Ｐゴシック"/>
        <family val="3"/>
        <charset val="128"/>
      </rPr>
      <t>下表に「使用禁止候補物質」の含有状況を回答ください／</t>
    </r>
    <phoneticPr fontId="7"/>
  </si>
  <si>
    <r>
      <rPr>
        <sz val="11"/>
        <rFont val="ＭＳ Ｐゴシック"/>
        <family val="3"/>
        <charset val="128"/>
      </rPr>
      <t>化学物質名／</t>
    </r>
    <r>
      <rPr>
        <sz val="9"/>
        <rFont val="Arial"/>
        <family val="2"/>
      </rPr>
      <t>Substances</t>
    </r>
    <phoneticPr fontId="7"/>
  </si>
  <si>
    <r>
      <rPr>
        <sz val="11"/>
        <rFont val="ＭＳ Ｐゴシック"/>
        <family val="3"/>
        <charset val="128"/>
      </rPr>
      <t>確認内容（判定基準）／</t>
    </r>
    <r>
      <rPr>
        <sz val="9"/>
        <rFont val="Arial"/>
        <family val="2"/>
      </rPr>
      <t>Check point (Criteria)</t>
    </r>
    <r>
      <rPr>
        <sz val="11"/>
        <rFont val="Arial"/>
        <family val="2"/>
      </rPr>
      <t xml:space="preserve"> *1) </t>
    </r>
    <phoneticPr fontId="7"/>
  </si>
  <si>
    <r>
      <rPr>
        <sz val="11"/>
        <rFont val="ＭＳ Ｐゴシック"/>
        <family val="3"/>
        <charset val="128"/>
      </rPr>
      <t>パーフルオロヘキサン酸</t>
    </r>
    <r>
      <rPr>
        <sz val="11"/>
        <rFont val="Arial"/>
        <family val="2"/>
      </rPr>
      <t>(PFHxA)</t>
    </r>
    <r>
      <rPr>
        <sz val="11"/>
        <rFont val="ＭＳ Ｐゴシック"/>
        <family val="3"/>
        <charset val="128"/>
      </rPr>
      <t>とその塩および</t>
    </r>
    <r>
      <rPr>
        <sz val="11"/>
        <rFont val="Arial"/>
        <family val="2"/>
      </rPr>
      <t>PFHxA</t>
    </r>
    <r>
      <rPr>
        <sz val="11"/>
        <rFont val="ＭＳ Ｐゴシック"/>
        <family val="3"/>
        <charset val="128"/>
      </rPr>
      <t>関連物質／</t>
    </r>
    <phoneticPr fontId="7"/>
  </si>
  <si>
    <r>
      <rPr>
        <sz val="11"/>
        <rFont val="ＭＳ Ｐゴシック"/>
        <family val="3"/>
        <charset val="128"/>
      </rPr>
      <t>成形品質量中または混合物中において、下記</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を満たす。_x000D_
</t>
    </r>
    <r>
      <rPr>
        <sz val="11"/>
        <rFont val="Arial"/>
        <family val="2"/>
      </rPr>
      <t>(1) PFHxA</t>
    </r>
    <r>
      <rPr>
        <sz val="11"/>
        <rFont val="ＭＳ Ｐゴシック"/>
        <family val="3"/>
        <charset val="128"/>
      </rPr>
      <t>とその塩の場合、</t>
    </r>
    <r>
      <rPr>
        <sz val="11"/>
        <rFont val="Arial"/>
        <family val="2"/>
      </rPr>
      <t>PFHxA</t>
    </r>
    <r>
      <rPr>
        <sz val="11"/>
        <rFont val="ＭＳ Ｐゴシック"/>
        <family val="3"/>
        <charset val="128"/>
      </rPr>
      <t>とその塩の合計で、_x000D_
　　</t>
    </r>
    <r>
      <rPr>
        <sz val="11"/>
        <rFont val="Arial"/>
        <family val="2"/>
      </rPr>
      <t>0.0000025%</t>
    </r>
    <r>
      <rPr>
        <sz val="11"/>
        <rFont val="ＭＳ Ｐゴシック"/>
        <family val="3"/>
        <charset val="128"/>
      </rPr>
      <t>（</t>
    </r>
    <r>
      <rPr>
        <sz val="11"/>
        <rFont val="Arial"/>
        <family val="2"/>
      </rPr>
      <t>25ppb</t>
    </r>
    <r>
      <rPr>
        <sz val="11"/>
        <rFont val="ＭＳ Ｐゴシック"/>
        <family val="3"/>
        <charset val="128"/>
      </rPr>
      <t xml:space="preserve">）未満である。_x000D_
</t>
    </r>
    <r>
      <rPr>
        <sz val="11"/>
        <rFont val="Arial"/>
        <family val="2"/>
      </rPr>
      <t>(2) PFHxA</t>
    </r>
    <r>
      <rPr>
        <sz val="11"/>
        <rFont val="ＭＳ Ｐゴシック"/>
        <family val="3"/>
        <charset val="128"/>
      </rPr>
      <t>関連物質の場合、</t>
    </r>
    <r>
      <rPr>
        <sz val="11"/>
        <rFont val="Arial"/>
        <family val="2"/>
      </rPr>
      <t>PFHxA</t>
    </r>
    <r>
      <rPr>
        <sz val="11"/>
        <rFont val="ＭＳ Ｐゴシック"/>
        <family val="3"/>
        <charset val="128"/>
      </rPr>
      <t>関連物質の合計で、_x000D_
　　</t>
    </r>
    <r>
      <rPr>
        <sz val="11"/>
        <rFont val="Arial"/>
        <family val="2"/>
      </rPr>
      <t>0.0001%</t>
    </r>
    <r>
      <rPr>
        <sz val="11"/>
        <rFont val="ＭＳ Ｐゴシック"/>
        <family val="3"/>
        <charset val="128"/>
      </rPr>
      <t>（</t>
    </r>
    <r>
      <rPr>
        <sz val="11"/>
        <rFont val="Arial"/>
        <family val="2"/>
      </rPr>
      <t>1000ppb</t>
    </r>
    <r>
      <rPr>
        <sz val="11"/>
        <rFont val="ＭＳ Ｐゴシック"/>
        <family val="3"/>
        <charset val="128"/>
      </rPr>
      <t>）未満である。／</t>
    </r>
  </si>
  <si>
    <r>
      <t xml:space="preserve">(a) </t>
    </r>
    <r>
      <rPr>
        <sz val="11"/>
        <color theme="1"/>
        <rFont val="ＭＳ Ｐゴシック"/>
        <family val="3"/>
        <charset val="128"/>
      </rPr>
      <t>合金に／</t>
    </r>
    <r>
      <rPr>
        <sz val="9"/>
        <color theme="1"/>
        <rFont val="Arial"/>
        <family val="2"/>
      </rPr>
      <t>Alloy</t>
    </r>
    <phoneticPr fontId="7"/>
  </si>
  <si>
    <r>
      <t xml:space="preserve">(d) </t>
    </r>
    <r>
      <rPr>
        <sz val="11"/>
        <color theme="1"/>
        <rFont val="ＭＳ Ｐゴシック"/>
        <family val="3"/>
        <charset val="128"/>
      </rPr>
      <t>半導体に／</t>
    </r>
    <r>
      <rPr>
        <sz val="9"/>
        <color theme="1"/>
        <rFont val="Arial"/>
        <family val="2"/>
      </rPr>
      <t>Semiconductor</t>
    </r>
    <phoneticPr fontId="7"/>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phoneticPr fontId="7"/>
  </si>
  <si>
    <r>
      <t xml:space="preserve">(e) </t>
    </r>
    <r>
      <rPr>
        <sz val="11"/>
        <color theme="1"/>
        <rFont val="ＭＳ Ｐゴシック"/>
        <family val="3"/>
        <charset val="128"/>
      </rPr>
      <t>電池に／</t>
    </r>
    <r>
      <rPr>
        <sz val="9"/>
        <color theme="1"/>
        <rFont val="Arial"/>
        <family val="2"/>
      </rPr>
      <t>Battery</t>
    </r>
    <phoneticPr fontId="7"/>
  </si>
  <si>
    <r>
      <rPr>
        <sz val="11"/>
        <rFont val="ＭＳ Ｐゴシック"/>
        <family val="3"/>
        <charset val="128"/>
      </rPr>
      <t>上記（</t>
    </r>
    <r>
      <rPr>
        <sz val="11"/>
        <rFont val="Arial"/>
        <family val="2"/>
      </rPr>
      <t>1</t>
    </r>
    <r>
      <rPr>
        <sz val="11"/>
        <rFont val="ＭＳ Ｐゴシック"/>
        <family val="3"/>
        <charset val="128"/>
      </rPr>
      <t>）以外のものに使用されている／</t>
    </r>
    <r>
      <rPr>
        <sz val="9"/>
        <rFont val="Arial"/>
        <family val="2"/>
      </rPr>
      <t>Used in the other than the above (1).</t>
    </r>
    <phoneticPr fontId="7"/>
  </si>
  <si>
    <r>
      <rPr>
        <sz val="11"/>
        <rFont val="ＭＳ Ｐゴシック"/>
        <family val="3"/>
        <charset val="128"/>
      </rPr>
      <t>「子供（</t>
    </r>
    <r>
      <rPr>
        <sz val="11"/>
        <rFont val="Arial"/>
        <family val="2"/>
      </rPr>
      <t>12</t>
    </r>
    <r>
      <rPr>
        <sz val="11"/>
        <rFont val="ＭＳ Ｐゴシック"/>
        <family val="3"/>
        <charset val="128"/>
      </rPr>
      <t>歳以下）向け製品」および「繊維等で覆われた家庭用家具」に使用されている／</t>
    </r>
    <phoneticPr fontId="7"/>
  </si>
  <si>
    <r>
      <rPr>
        <sz val="11"/>
        <rFont val="ＭＳ Ｐゴシック"/>
        <family val="3"/>
        <charset val="128"/>
      </rPr>
      <t>リン酸トリス（</t>
    </r>
    <r>
      <rPr>
        <sz val="11"/>
        <rFont val="Arial"/>
        <family val="2"/>
      </rPr>
      <t>1-</t>
    </r>
    <r>
      <rPr>
        <sz val="11"/>
        <rFont val="ＭＳ Ｐゴシック"/>
        <family val="3"/>
        <charset val="128"/>
      </rPr>
      <t>メチル</t>
    </r>
    <r>
      <rPr>
        <sz val="11"/>
        <rFont val="Arial"/>
        <family val="2"/>
      </rPr>
      <t>-2-</t>
    </r>
    <r>
      <rPr>
        <sz val="11"/>
        <rFont val="ＭＳ Ｐゴシック"/>
        <family val="3"/>
        <charset val="128"/>
      </rPr>
      <t>クロロエチル）（</t>
    </r>
    <r>
      <rPr>
        <sz val="11"/>
        <rFont val="Arial"/>
        <family val="2"/>
      </rPr>
      <t>TCPP</t>
    </r>
    <r>
      <rPr>
        <sz val="11"/>
        <rFont val="ＭＳ Ｐゴシック"/>
        <family val="3"/>
        <charset val="128"/>
      </rPr>
      <t>）／</t>
    </r>
    <r>
      <rPr>
        <sz val="9"/>
        <rFont val="Arial"/>
        <family val="2"/>
      </rPr>
      <t>Tris(2-chloro-1-methylethyl) phosphate (TCPP)</t>
    </r>
    <phoneticPr fontId="7"/>
  </si>
  <si>
    <r>
      <t>4,4'-</t>
    </r>
    <r>
      <rPr>
        <sz val="11"/>
        <rFont val="ＭＳ Ｐゴシック"/>
        <family val="3"/>
        <charset val="128"/>
      </rPr>
      <t>プロパン</t>
    </r>
    <r>
      <rPr>
        <sz val="11"/>
        <rFont val="Arial"/>
        <family val="2"/>
      </rPr>
      <t>-2,2-</t>
    </r>
    <r>
      <rPr>
        <sz val="11"/>
        <rFont val="ＭＳ Ｐゴシック"/>
        <family val="3"/>
        <charset val="128"/>
      </rPr>
      <t>ジイルジフェノｰル（ビスフェノール</t>
    </r>
    <r>
      <rPr>
        <sz val="11"/>
        <rFont val="Arial"/>
        <family val="2"/>
      </rPr>
      <t>A</t>
    </r>
    <r>
      <rPr>
        <sz val="11"/>
        <rFont val="ＭＳ Ｐゴシック"/>
        <family val="3"/>
        <charset val="128"/>
      </rPr>
      <t>）／</t>
    </r>
    <r>
      <rPr>
        <sz val="9"/>
        <rFont val="Arial"/>
        <family val="2"/>
      </rPr>
      <t>4,4'-isopropylidenediphenol</t>
    </r>
    <r>
      <rPr>
        <sz val="9"/>
        <rFont val="ＭＳ Ｐゴシック"/>
        <family val="3"/>
        <charset val="128"/>
      </rPr>
      <t>（</t>
    </r>
    <r>
      <rPr>
        <sz val="9"/>
        <rFont val="Arial"/>
        <family val="2"/>
      </rPr>
      <t>Bisphenol A</t>
    </r>
    <r>
      <rPr>
        <sz val="9"/>
        <rFont val="ＭＳ Ｐゴシック"/>
        <family val="3"/>
        <charset val="128"/>
      </rPr>
      <t>）</t>
    </r>
    <phoneticPr fontId="7"/>
  </si>
  <si>
    <r>
      <rPr>
        <sz val="11"/>
        <rFont val="ＭＳ Ｐゴシック"/>
        <family val="3"/>
        <charset val="128"/>
      </rPr>
      <t>ビス</t>
    </r>
    <r>
      <rPr>
        <sz val="11"/>
        <rFont val="Arial"/>
        <family val="2"/>
      </rPr>
      <t>(4-</t>
    </r>
    <r>
      <rPr>
        <sz val="11"/>
        <rFont val="ＭＳ Ｐゴシック"/>
        <family val="3"/>
        <charset val="128"/>
      </rPr>
      <t>ヒドロキシフェニル</t>
    </r>
    <r>
      <rPr>
        <sz val="11"/>
        <rFont val="Arial"/>
        <family val="2"/>
      </rPr>
      <t>)</t>
    </r>
    <r>
      <rPr>
        <sz val="11"/>
        <rFont val="ＭＳ Ｐゴシック"/>
        <family val="3"/>
        <charset val="128"/>
      </rPr>
      <t>スルホン（ビスフェノール</t>
    </r>
    <r>
      <rPr>
        <sz val="11"/>
        <rFont val="Arial"/>
        <family val="2"/>
      </rPr>
      <t>S</t>
    </r>
    <r>
      <rPr>
        <sz val="11"/>
        <rFont val="ＭＳ Ｐゴシック"/>
        <family val="3"/>
        <charset val="128"/>
      </rPr>
      <t>）／</t>
    </r>
    <r>
      <rPr>
        <sz val="9"/>
        <rFont val="Arial"/>
        <family val="2"/>
      </rPr>
      <t>4,4'-sulfonyldiphenol</t>
    </r>
    <r>
      <rPr>
        <sz val="9"/>
        <rFont val="ＭＳ Ｐゴシック"/>
        <family val="3"/>
        <charset val="128"/>
      </rPr>
      <t>（</t>
    </r>
    <r>
      <rPr>
        <sz val="9"/>
        <rFont val="Arial"/>
        <family val="2"/>
      </rPr>
      <t>Bisphenol S</t>
    </r>
    <r>
      <rPr>
        <sz val="9"/>
        <rFont val="ＭＳ Ｐゴシック"/>
        <family val="3"/>
        <charset val="128"/>
      </rPr>
      <t>）</t>
    </r>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3</t>
    </r>
    <r>
      <rPr>
        <sz val="11"/>
        <rFont val="ＭＳ Ｐゴシック"/>
        <family val="3"/>
        <charset val="128"/>
      </rPr>
      <t>）に該当しない条件で使用されている／</t>
    </r>
    <r>
      <rPr>
        <sz val="9"/>
        <rFont val="Arial"/>
        <family val="2"/>
      </rPr>
      <t>Used under conditions that do not correspond to following (2)-(3).</t>
    </r>
    <rPh sb="0" eb="2">
      <t>カキ</t>
    </rPh>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5</t>
    </r>
    <r>
      <rPr>
        <sz val="11"/>
        <rFont val="ＭＳ Ｐゴシック"/>
        <family val="3"/>
        <charset val="128"/>
      </rPr>
      <t>）以外のものに使用されている／</t>
    </r>
    <phoneticPr fontId="7"/>
  </si>
  <si>
    <r>
      <t xml:space="preserve">(a) </t>
    </r>
    <r>
      <rPr>
        <sz val="11"/>
        <rFont val="ＭＳ Ｐゴシック"/>
        <family val="3"/>
        <charset val="128"/>
      </rPr>
      <t>回路ブレーカ／</t>
    </r>
    <r>
      <rPr>
        <sz val="9"/>
        <rFont val="Arial"/>
        <family val="2"/>
      </rPr>
      <t>Circuit breakers</t>
    </r>
    <phoneticPr fontId="7"/>
  </si>
  <si>
    <r>
      <rPr>
        <sz val="11"/>
        <rFont val="ＭＳ Ｐゴシック"/>
        <family val="3"/>
        <charset val="128"/>
      </rPr>
      <t>ヘキサブロモシクロドデカン（</t>
    </r>
    <r>
      <rPr>
        <sz val="11"/>
        <rFont val="Arial"/>
        <family val="2"/>
      </rPr>
      <t>HBCDD</t>
    </r>
    <r>
      <rPr>
        <sz val="11"/>
        <rFont val="ＭＳ Ｐゴシック"/>
        <family val="3"/>
        <charset val="128"/>
      </rPr>
      <t>）／</t>
    </r>
    <phoneticPr fontId="7"/>
  </si>
  <si>
    <r>
      <rPr>
        <sz val="11"/>
        <rFont val="ＭＳ Ｐゴシック"/>
        <family val="3"/>
        <charset val="128"/>
      </rPr>
      <t>塩化コバルト／</t>
    </r>
    <phoneticPr fontId="7"/>
  </si>
  <si>
    <r>
      <rPr>
        <sz val="11"/>
        <color theme="1"/>
        <rFont val="ＭＳ Ｐゴシック"/>
        <family val="3"/>
        <charset val="128"/>
      </rPr>
      <t>ベリリウム及びその化合物／</t>
    </r>
    <phoneticPr fontId="7"/>
  </si>
  <si>
    <r>
      <rPr>
        <sz val="11"/>
        <rFont val="ＭＳ Ｐゴシック"/>
        <family val="3"/>
        <charset val="128"/>
      </rPr>
      <t>成形品質量中または混合物中において、下記</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を満たす。
</t>
    </r>
    <r>
      <rPr>
        <sz val="11"/>
        <rFont val="Arial"/>
        <family val="2"/>
      </rPr>
      <t>(1) PFOA</t>
    </r>
    <r>
      <rPr>
        <sz val="11"/>
        <rFont val="ＭＳ Ｐゴシック"/>
        <family val="3"/>
        <charset val="128"/>
      </rPr>
      <t>（塩を含む）の場合、</t>
    </r>
    <r>
      <rPr>
        <sz val="11"/>
        <rFont val="Arial"/>
        <family val="2"/>
      </rPr>
      <t xml:space="preserve">25ppb </t>
    </r>
    <r>
      <rPr>
        <sz val="11"/>
        <rFont val="ＭＳ Ｐゴシック"/>
        <family val="3"/>
        <charset val="128"/>
      </rPr>
      <t xml:space="preserve">以下である。
</t>
    </r>
    <r>
      <rPr>
        <sz val="11"/>
        <rFont val="Arial"/>
        <family val="2"/>
      </rPr>
      <t>(2) 1</t>
    </r>
    <r>
      <rPr>
        <sz val="11"/>
        <rFont val="ＭＳ Ｐゴシック"/>
        <family val="3"/>
        <charset val="128"/>
      </rPr>
      <t>つまたは複数の</t>
    </r>
    <r>
      <rPr>
        <sz val="11"/>
        <rFont val="Arial"/>
        <family val="2"/>
      </rPr>
      <t>PFOA</t>
    </r>
    <r>
      <rPr>
        <sz val="11"/>
        <rFont val="ＭＳ Ｐゴシック"/>
        <family val="3"/>
        <charset val="128"/>
      </rPr>
      <t xml:space="preserve">関連物質の組み合せの場合、
</t>
    </r>
    <r>
      <rPr>
        <sz val="11"/>
        <rFont val="Arial"/>
        <family val="2"/>
      </rPr>
      <t xml:space="preserve">    </t>
    </r>
    <r>
      <rPr>
        <sz val="11"/>
        <rFont val="ＭＳ Ｐゴシック"/>
        <family val="3"/>
        <charset val="128"/>
      </rPr>
      <t>濃度合計が、</t>
    </r>
    <r>
      <rPr>
        <sz val="11"/>
        <rFont val="Arial"/>
        <family val="2"/>
      </rPr>
      <t>1000ppb</t>
    </r>
    <r>
      <rPr>
        <sz val="11"/>
        <rFont val="ＭＳ Ｐゴシック"/>
        <family val="3"/>
        <charset val="128"/>
      </rPr>
      <t>（</t>
    </r>
    <r>
      <rPr>
        <sz val="11"/>
        <rFont val="Arial"/>
        <family val="2"/>
      </rPr>
      <t>1ppm</t>
    </r>
    <r>
      <rPr>
        <sz val="11"/>
        <rFont val="ＭＳ Ｐゴシック"/>
        <family val="3"/>
        <charset val="128"/>
      </rPr>
      <t>）</t>
    </r>
    <r>
      <rPr>
        <sz val="11"/>
        <rFont val="Arial"/>
        <family val="2"/>
      </rPr>
      <t xml:space="preserve"> </t>
    </r>
    <r>
      <rPr>
        <sz val="11"/>
        <rFont val="ＭＳ Ｐゴシック"/>
        <family val="3"/>
        <charset val="128"/>
      </rPr>
      <t>以下である／</t>
    </r>
    <rPh sb="58" eb="60">
      <t>イカ</t>
    </rPh>
    <phoneticPr fontId="7"/>
  </si>
  <si>
    <r>
      <t xml:space="preserve">4,4'-isopropylidenediphenol </t>
    </r>
    <r>
      <rPr>
        <sz val="9"/>
        <rFont val="ＭＳ Ｐゴシック"/>
        <family val="3"/>
        <charset val="128"/>
      </rPr>
      <t>（</t>
    </r>
    <r>
      <rPr>
        <sz val="9"/>
        <rFont val="Arial"/>
        <family val="2"/>
      </rPr>
      <t>Bisphenol A</t>
    </r>
    <r>
      <rPr>
        <sz val="9"/>
        <rFont val="ＭＳ Ｐゴシック"/>
        <family val="3"/>
        <charset val="128"/>
      </rPr>
      <t>）</t>
    </r>
    <phoneticPr fontId="7"/>
  </si>
  <si>
    <r>
      <t>*2) “</t>
    </r>
    <r>
      <rPr>
        <sz val="9"/>
        <color theme="1"/>
        <rFont val="ＭＳ Ｐゴシック"/>
        <family val="3"/>
        <charset val="128"/>
      </rPr>
      <t>パーフルオロオクタンスルホン酸及びその塩</t>
    </r>
    <r>
      <rPr>
        <sz val="9"/>
        <color theme="1"/>
        <rFont val="Arial"/>
        <family val="2"/>
      </rPr>
      <t>”</t>
    </r>
    <r>
      <rPr>
        <sz val="9"/>
        <color theme="1"/>
        <rFont val="ＭＳ Ｐゴシック"/>
        <family val="3"/>
        <charset val="128"/>
      </rPr>
      <t>に関しては、</t>
    </r>
    <r>
      <rPr>
        <sz val="9"/>
        <color theme="1"/>
        <rFont val="Arial"/>
        <family val="2"/>
      </rPr>
      <t xml:space="preserve">CAS No. </t>
    </r>
    <r>
      <rPr>
        <sz val="9"/>
        <color theme="1"/>
        <rFont val="ＭＳ Ｐゴシック"/>
        <family val="3"/>
        <charset val="128"/>
      </rPr>
      <t>が次のものが対象です。（</t>
    </r>
    <r>
      <rPr>
        <sz val="9"/>
        <color theme="1"/>
        <rFont val="Arial"/>
        <family val="2"/>
      </rPr>
      <t>1763-23-1</t>
    </r>
    <r>
      <rPr>
        <sz val="9"/>
        <color theme="1"/>
        <rFont val="ＭＳ Ｐゴシック"/>
        <family val="3"/>
        <charset val="128"/>
      </rPr>
      <t>、</t>
    </r>
    <r>
      <rPr>
        <sz val="9"/>
        <color theme="1"/>
        <rFont val="Arial"/>
        <family val="2"/>
      </rPr>
      <t>307-35-7</t>
    </r>
    <r>
      <rPr>
        <sz val="9"/>
        <color theme="1"/>
        <rFont val="ＭＳ Ｐゴシック"/>
        <family val="3"/>
        <charset val="128"/>
      </rPr>
      <t>、</t>
    </r>
    <r>
      <rPr>
        <sz val="9"/>
        <color theme="1"/>
        <rFont val="Arial"/>
        <family val="2"/>
      </rPr>
      <t>29457-72-5</t>
    </r>
    <r>
      <rPr>
        <sz val="9"/>
        <color theme="1"/>
        <rFont val="ＭＳ Ｐゴシック"/>
        <family val="3"/>
        <charset val="128"/>
      </rPr>
      <t>、</t>
    </r>
    <r>
      <rPr>
        <sz val="9"/>
        <color theme="1"/>
        <rFont val="Arial"/>
        <family val="2"/>
      </rPr>
      <t>2795-39-3)</t>
    </r>
    <r>
      <rPr>
        <sz val="9"/>
        <color theme="1"/>
        <rFont val="ＭＳ Ｐゴシック"/>
        <family val="3"/>
        <charset val="128"/>
      </rPr>
      <t>／</t>
    </r>
    <phoneticPr fontId="7"/>
  </si>
  <si>
    <r>
      <t xml:space="preserve">*3) CAS No. </t>
    </r>
    <r>
      <rPr>
        <sz val="9"/>
        <color theme="1"/>
        <rFont val="ＭＳ Ｐゴシック"/>
        <family val="3"/>
        <charset val="128"/>
      </rPr>
      <t>が次のものの総計とします。（</t>
    </r>
    <r>
      <rPr>
        <sz val="9"/>
        <color theme="1"/>
        <rFont val="Arial"/>
        <family val="2"/>
      </rPr>
      <t>335-67-1</t>
    </r>
    <r>
      <rPr>
        <sz val="9"/>
        <color theme="1"/>
        <rFont val="ＭＳ Ｐゴシック"/>
        <family val="3"/>
        <charset val="128"/>
      </rPr>
      <t>、</t>
    </r>
    <r>
      <rPr>
        <sz val="9"/>
        <color theme="1"/>
        <rFont val="Arial"/>
        <family val="2"/>
      </rPr>
      <t>3825-26-1</t>
    </r>
    <r>
      <rPr>
        <sz val="9"/>
        <color theme="1"/>
        <rFont val="ＭＳ Ｐゴシック"/>
        <family val="3"/>
        <charset val="128"/>
      </rPr>
      <t>、</t>
    </r>
    <r>
      <rPr>
        <sz val="9"/>
        <color theme="1"/>
        <rFont val="Arial"/>
        <family val="2"/>
      </rPr>
      <t>335-95-5</t>
    </r>
    <r>
      <rPr>
        <sz val="9"/>
        <color theme="1"/>
        <rFont val="ＭＳ Ｐゴシック"/>
        <family val="3"/>
        <charset val="128"/>
      </rPr>
      <t>、</t>
    </r>
    <r>
      <rPr>
        <sz val="9"/>
        <color theme="1"/>
        <rFont val="Arial"/>
        <family val="2"/>
      </rPr>
      <t>2395-00-8</t>
    </r>
    <r>
      <rPr>
        <sz val="9"/>
        <color theme="1"/>
        <rFont val="ＭＳ Ｐゴシック"/>
        <family val="3"/>
        <charset val="128"/>
      </rPr>
      <t>、</t>
    </r>
    <r>
      <rPr>
        <sz val="9"/>
        <color theme="1"/>
        <rFont val="Arial"/>
        <family val="2"/>
      </rPr>
      <t>335-93-3</t>
    </r>
    <r>
      <rPr>
        <sz val="9"/>
        <color theme="1"/>
        <rFont val="ＭＳ Ｐゴシック"/>
        <family val="3"/>
        <charset val="128"/>
      </rPr>
      <t>、</t>
    </r>
    <r>
      <rPr>
        <sz val="9"/>
        <color theme="1"/>
        <rFont val="Arial"/>
        <family val="2"/>
      </rPr>
      <t>335-66-0</t>
    </r>
    <r>
      <rPr>
        <sz val="9"/>
        <color theme="1"/>
        <rFont val="ＭＳ Ｐゴシック"/>
        <family val="3"/>
        <charset val="128"/>
      </rPr>
      <t>、</t>
    </r>
    <r>
      <rPr>
        <sz val="9"/>
        <color theme="1"/>
        <rFont val="Arial"/>
        <family val="2"/>
      </rPr>
      <t>376-27-2</t>
    </r>
    <r>
      <rPr>
        <sz val="9"/>
        <color theme="1"/>
        <rFont val="ＭＳ Ｐゴシック"/>
        <family val="3"/>
        <charset val="128"/>
      </rPr>
      <t>、</t>
    </r>
    <r>
      <rPr>
        <sz val="9"/>
        <color theme="1"/>
        <rFont val="Arial"/>
        <family val="2"/>
      </rPr>
      <t>3108-24-5</t>
    </r>
    <r>
      <rPr>
        <sz val="9"/>
        <color theme="1"/>
        <rFont val="ＭＳ Ｐゴシック"/>
        <family val="3"/>
        <charset val="128"/>
      </rPr>
      <t>）／</t>
    </r>
    <phoneticPr fontId="7"/>
  </si>
  <si>
    <r>
      <rPr>
        <sz val="11"/>
        <color theme="1"/>
        <rFont val="ＭＳ Ｐゴシック"/>
        <family val="3"/>
        <charset val="128"/>
      </rPr>
      <t>洗浄方法：／</t>
    </r>
    <phoneticPr fontId="7"/>
  </si>
  <si>
    <r>
      <t>2</t>
    </r>
    <r>
      <rPr>
        <sz val="11"/>
        <rFont val="ＭＳ Ｐゴシック"/>
        <family val="3"/>
        <charset val="128"/>
      </rPr>
      <t>）製品名／</t>
    </r>
    <r>
      <rPr>
        <sz val="9"/>
        <rFont val="Arial"/>
        <family val="2"/>
      </rPr>
      <t>Product Name</t>
    </r>
    <phoneticPr fontId="7"/>
  </si>
  <si>
    <r>
      <t>3</t>
    </r>
    <r>
      <rPr>
        <sz val="11"/>
        <rFont val="ＭＳ Ｐゴシック"/>
        <family val="3"/>
        <charset val="128"/>
      </rPr>
      <t>）メーカー型番／</t>
    </r>
    <r>
      <rPr>
        <sz val="9"/>
        <rFont val="Arial"/>
        <family val="2"/>
      </rPr>
      <t>Manufacturer's Model Code</t>
    </r>
    <phoneticPr fontId="7"/>
  </si>
  <si>
    <r>
      <rPr>
        <sz val="11"/>
        <rFont val="ＭＳ Ｐゴシック"/>
        <family val="3"/>
        <charset val="128"/>
      </rPr>
      <t>リン酸トリス（</t>
    </r>
    <r>
      <rPr>
        <sz val="11"/>
        <rFont val="Arial"/>
        <family val="2"/>
      </rPr>
      <t>1,3-</t>
    </r>
    <r>
      <rPr>
        <sz val="11"/>
        <rFont val="ＭＳ Ｐゴシック"/>
        <family val="3"/>
        <charset val="128"/>
      </rPr>
      <t>ジクロロ</t>
    </r>
    <r>
      <rPr>
        <sz val="11"/>
        <rFont val="Arial"/>
        <family val="2"/>
      </rPr>
      <t>-2-</t>
    </r>
    <r>
      <rPr>
        <sz val="11"/>
        <rFont val="ＭＳ Ｐゴシック"/>
        <family val="3"/>
        <charset val="128"/>
      </rPr>
      <t>プロピル）（</t>
    </r>
    <r>
      <rPr>
        <sz val="11"/>
        <rFont val="Arial"/>
        <family val="2"/>
      </rPr>
      <t>TDCPP</t>
    </r>
    <r>
      <rPr>
        <sz val="11"/>
        <rFont val="ＭＳ Ｐゴシック"/>
        <family val="3"/>
        <charset val="128"/>
      </rPr>
      <t>）／</t>
    </r>
    <phoneticPr fontId="7"/>
  </si>
  <si>
    <r>
      <rPr>
        <sz val="11"/>
        <rFont val="ＭＳ Ｐゴシック"/>
        <family val="3"/>
        <charset val="128"/>
      </rPr>
      <t>リン酸トリス（</t>
    </r>
    <r>
      <rPr>
        <sz val="11"/>
        <rFont val="Arial"/>
        <family val="2"/>
      </rPr>
      <t>1-</t>
    </r>
    <r>
      <rPr>
        <sz val="11"/>
        <rFont val="ＭＳ Ｐゴシック"/>
        <family val="3"/>
        <charset val="128"/>
      </rPr>
      <t>メチル</t>
    </r>
    <r>
      <rPr>
        <sz val="11"/>
        <rFont val="Arial"/>
        <family val="2"/>
      </rPr>
      <t>-2-</t>
    </r>
    <r>
      <rPr>
        <sz val="11"/>
        <rFont val="ＭＳ Ｐゴシック"/>
        <family val="3"/>
        <charset val="128"/>
      </rPr>
      <t>クロロエチル）（</t>
    </r>
    <r>
      <rPr>
        <sz val="11"/>
        <rFont val="Arial"/>
        <family val="2"/>
      </rPr>
      <t>TCPP</t>
    </r>
    <r>
      <rPr>
        <sz val="11"/>
        <rFont val="ＭＳ Ｐゴシック"/>
        <family val="3"/>
        <charset val="128"/>
      </rPr>
      <t>）／</t>
    </r>
    <phoneticPr fontId="7"/>
  </si>
  <si>
    <t>The following (1) and (2) are to be satisfied in the Mixture or Article.
(1) The sum of PFHxS and their salts:
      Content is 0.0000025% (25ppb) or less.
(2) The sum of PFHxS-related substances:
      Content is 0.0001% (1000ppb) or less.</t>
    <phoneticPr fontId="7"/>
  </si>
  <si>
    <r>
      <rPr>
        <sz val="10"/>
        <rFont val="ＭＳ Ｐゴシック"/>
        <family val="3"/>
        <charset val="128"/>
      </rPr>
      <t>ポリ塩化ビフェニル類（</t>
    </r>
    <r>
      <rPr>
        <sz val="10"/>
        <rFont val="Arial"/>
        <family val="2"/>
      </rPr>
      <t>PCB</t>
    </r>
    <r>
      <rPr>
        <sz val="10"/>
        <rFont val="ＭＳ Ｐゴシック"/>
        <family val="3"/>
        <charset val="128"/>
      </rPr>
      <t>類）、_x000D_及び特定代替物質</t>
    </r>
    <phoneticPr fontId="7"/>
  </si>
  <si>
    <t>Dechlorane plus and its syn-isomer and anti-isomer</t>
    <phoneticPr fontId="7"/>
  </si>
  <si>
    <r>
      <t xml:space="preserve">Presence of </t>
    </r>
    <r>
      <rPr>
        <b/>
        <u/>
        <sz val="9"/>
        <rFont val="Arial"/>
        <family val="2"/>
      </rPr>
      <t>candidate</t>
    </r>
    <r>
      <rPr>
        <b/>
        <sz val="9"/>
        <rFont val="Arial"/>
        <family val="2"/>
      </rPr>
      <t xml:space="preserve"> substances to be banned in the product</t>
    </r>
    <phoneticPr fontId="7"/>
  </si>
  <si>
    <r>
      <rPr>
        <sz val="10"/>
        <rFont val="ＭＳ Ｐゴシック"/>
        <family val="3"/>
        <charset val="128"/>
      </rPr>
      <t>放射性同位元素等による放射線障害の防止に関する法律、核原料物質、核燃料物質及び原子炉の規制に関する法律</t>
    </r>
    <phoneticPr fontId="7"/>
  </si>
  <si>
    <r>
      <rPr>
        <sz val="10"/>
        <rFont val="ＭＳ Ｐゴシック"/>
        <family val="3"/>
        <charset val="128"/>
      </rPr>
      <t>四ホウ酸二ナトリウム無水物、四ホウ酸二ナトリウム水和物</t>
    </r>
    <phoneticPr fontId="7"/>
  </si>
  <si>
    <r>
      <rPr>
        <sz val="10"/>
        <rFont val="ＭＳ Ｐゴシック"/>
        <family val="3"/>
        <charset val="128"/>
      </rPr>
      <t>変更点</t>
    </r>
    <phoneticPr fontId="7"/>
  </si>
  <si>
    <r>
      <rPr>
        <sz val="10"/>
        <rFont val="ＭＳ Ｐゴシック"/>
        <family val="3"/>
        <charset val="128"/>
      </rPr>
      <t>ビス</t>
    </r>
    <r>
      <rPr>
        <sz val="10"/>
        <rFont val="Arial"/>
        <family val="2"/>
      </rPr>
      <t>(4-</t>
    </r>
    <r>
      <rPr>
        <sz val="10"/>
        <rFont val="ＭＳ Ｐゴシック"/>
        <family val="3"/>
        <charset val="128"/>
      </rPr>
      <t>ヒドロキシフェニル</t>
    </r>
    <r>
      <rPr>
        <sz val="10"/>
        <rFont val="Arial"/>
        <family val="2"/>
      </rPr>
      <t>)</t>
    </r>
    <r>
      <rPr>
        <sz val="10"/>
        <rFont val="ＭＳ Ｐゴシック"/>
        <family val="3"/>
        <charset val="128"/>
      </rPr>
      <t>スルホン（ビスフェノール</t>
    </r>
    <r>
      <rPr>
        <sz val="10"/>
        <rFont val="Arial"/>
        <family val="2"/>
      </rPr>
      <t>S</t>
    </r>
    <r>
      <rPr>
        <sz val="10"/>
        <rFont val="ＭＳ Ｐゴシック"/>
        <family val="3"/>
        <charset val="128"/>
      </rPr>
      <t>）</t>
    </r>
    <phoneticPr fontId="7"/>
  </si>
  <si>
    <r>
      <t>C.</t>
    </r>
    <r>
      <rPr>
        <sz val="10"/>
        <rFont val="ＭＳ Ｐゴシック"/>
        <family val="3"/>
        <charset val="128"/>
      </rPr>
      <t>使用禁止候補物質</t>
    </r>
    <phoneticPr fontId="7"/>
  </si>
  <si>
    <r>
      <t>B2-</t>
    </r>
    <r>
      <rPr>
        <b/>
        <sz val="12"/>
        <color theme="1"/>
        <rFont val="ＭＳ Ｐゴシック"/>
        <family val="3"/>
        <charset val="128"/>
      </rPr>
      <t>別表／</t>
    </r>
    <r>
      <rPr>
        <b/>
        <sz val="9"/>
        <color theme="1"/>
        <rFont val="Arial"/>
        <family val="2"/>
      </rPr>
      <t>B2-Appendix</t>
    </r>
    <phoneticPr fontId="7"/>
  </si>
  <si>
    <r>
      <rPr>
        <sz val="11"/>
        <color theme="1"/>
        <rFont val="ＭＳ Ｐゴシック"/>
        <family val="3"/>
        <charset val="128"/>
      </rPr>
      <t>下記（</t>
    </r>
    <r>
      <rPr>
        <sz val="11"/>
        <color theme="1"/>
        <rFont val="Arial"/>
        <family val="2"/>
      </rPr>
      <t>3</t>
    </r>
    <r>
      <rPr>
        <sz val="11"/>
        <color theme="1"/>
        <rFont val="ＭＳ Ｐゴシック"/>
        <family val="3"/>
        <charset val="128"/>
      </rPr>
      <t>）以外のものに使用されている／</t>
    </r>
    <phoneticPr fontId="7"/>
  </si>
  <si>
    <r>
      <rPr>
        <sz val="11"/>
        <color theme="1"/>
        <rFont val="ＭＳ Ｐゴシック"/>
        <family val="3"/>
        <charset val="128"/>
      </rPr>
      <t>除外対象部品に使用されている／</t>
    </r>
    <phoneticPr fontId="7"/>
  </si>
  <si>
    <r>
      <t xml:space="preserve">(c) </t>
    </r>
    <r>
      <rPr>
        <sz val="11"/>
        <color theme="1"/>
        <rFont val="ＭＳ Ｐゴシック"/>
        <family val="3"/>
        <charset val="128"/>
      </rPr>
      <t>ガラスに／</t>
    </r>
    <r>
      <rPr>
        <sz val="9"/>
        <color theme="1"/>
        <rFont val="Arial"/>
        <family val="2"/>
      </rPr>
      <t>Glass</t>
    </r>
    <phoneticPr fontId="7"/>
  </si>
  <si>
    <r>
      <rPr>
        <sz val="11"/>
        <color theme="1"/>
        <rFont val="ＭＳ Ｐゴシック"/>
        <family val="3"/>
        <charset val="128"/>
      </rPr>
      <t>アゾ染料・顔料／</t>
    </r>
    <r>
      <rPr>
        <sz val="9"/>
        <color theme="1"/>
        <rFont val="Arial"/>
        <family val="2"/>
      </rPr>
      <t>Azo colorants</t>
    </r>
    <phoneticPr fontId="7"/>
  </si>
  <si>
    <r>
      <rPr>
        <sz val="11"/>
        <color theme="1"/>
        <rFont val="ＭＳ Ｐゴシック"/>
        <family val="3"/>
        <charset val="128"/>
      </rPr>
      <t>人体に持続的に触れられることを前提に作られた製品（例：電気カーペット・イヤホン・ストラップ等）の人体接触部分で、分解により発がん性アミンが</t>
    </r>
    <r>
      <rPr>
        <sz val="11"/>
        <color theme="1"/>
        <rFont val="Arial"/>
        <family val="2"/>
      </rPr>
      <t>30ppm</t>
    </r>
    <r>
      <rPr>
        <sz val="11"/>
        <color theme="1"/>
        <rFont val="ＭＳ Ｐゴシック"/>
        <family val="3"/>
        <charset val="128"/>
      </rPr>
      <t>を超えて発生する可能性があるもの／</t>
    </r>
    <phoneticPr fontId="7"/>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人体に持続的に触れない部位に使用するもの）／</t>
    </r>
    <phoneticPr fontId="7"/>
  </si>
  <si>
    <r>
      <rPr>
        <sz val="11"/>
        <color theme="1"/>
        <rFont val="ＭＳ Ｐゴシック"/>
        <family val="3"/>
        <charset val="128"/>
      </rPr>
      <t>ポリ塩化ビニル及びそのコポリマー／</t>
    </r>
    <r>
      <rPr>
        <sz val="9"/>
        <color theme="1"/>
        <rFont val="Arial"/>
        <family val="2"/>
      </rPr>
      <t>Polyvinyl Chloride and its copolymer</t>
    </r>
    <phoneticPr fontId="7"/>
  </si>
  <si>
    <r>
      <t>RoHS</t>
    </r>
    <r>
      <rPr>
        <sz val="11"/>
        <color theme="1"/>
        <rFont val="ＭＳ Ｐゴシック"/>
        <family val="3"/>
        <charset val="128"/>
      </rPr>
      <t>関連のフタル酸エステル</t>
    </r>
    <r>
      <rPr>
        <sz val="11"/>
        <color theme="1"/>
        <rFont val="Arial"/>
        <family val="2"/>
      </rPr>
      <t>4</t>
    </r>
    <r>
      <rPr>
        <sz val="11"/>
        <color theme="1"/>
        <rFont val="ＭＳ Ｐゴシック"/>
        <family val="3"/>
        <charset val="128"/>
      </rPr>
      <t>物質以外のフタル酸エステル類／</t>
    </r>
    <r>
      <rPr>
        <sz val="9"/>
        <color theme="1"/>
        <rFont val="Arial"/>
        <family val="2"/>
      </rPr>
      <t>Phthalates other than the four RoHS related Phthalates.</t>
    </r>
    <phoneticPr fontId="7"/>
  </si>
  <si>
    <r>
      <rPr>
        <sz val="11"/>
        <color theme="1"/>
        <rFont val="ＭＳ Ｐゴシック"/>
        <family val="3"/>
        <charset val="128"/>
      </rPr>
      <t>放射性物質／</t>
    </r>
    <r>
      <rPr>
        <sz val="9"/>
        <color theme="1"/>
        <rFont val="Arial"/>
        <family val="2"/>
      </rPr>
      <t>Radioactive substances</t>
    </r>
    <phoneticPr fontId="7"/>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3</t>
    </r>
    <r>
      <rPr>
        <sz val="11"/>
        <color theme="1"/>
        <rFont val="ＭＳ Ｐゴシック"/>
        <family val="3"/>
        <charset val="128"/>
      </rPr>
      <t>）以外のものに使用されている／</t>
    </r>
    <phoneticPr fontId="7"/>
  </si>
  <si>
    <r>
      <rPr>
        <sz val="11"/>
        <color theme="1"/>
        <rFont val="ＭＳ Ｐゴシック"/>
        <family val="3"/>
        <charset val="128"/>
      </rPr>
      <t>電子レンジのマグネトロンにトリウムが使用されている／</t>
    </r>
    <phoneticPr fontId="7"/>
  </si>
  <si>
    <r>
      <rPr>
        <sz val="11"/>
        <color theme="1"/>
        <rFont val="ＭＳ Ｐゴシック"/>
        <family val="3"/>
        <charset val="128"/>
      </rPr>
      <t>液晶プロジェクターの電球にクリプトン</t>
    </r>
    <r>
      <rPr>
        <sz val="11"/>
        <color theme="1"/>
        <rFont val="Arial"/>
        <family val="2"/>
      </rPr>
      <t>85</t>
    </r>
    <r>
      <rPr>
        <sz val="11"/>
        <color theme="1"/>
        <rFont val="ＭＳ Ｐゴシック"/>
        <family val="3"/>
        <charset val="128"/>
      </rPr>
      <t>が使用されている／</t>
    </r>
    <phoneticPr fontId="7"/>
  </si>
  <si>
    <r>
      <rPr>
        <sz val="11"/>
        <color theme="1"/>
        <rFont val="ＭＳ Ｐゴシック"/>
        <family val="3"/>
        <charset val="128"/>
      </rPr>
      <t>パーフルオロオクタンスルホン酸塩（</t>
    </r>
    <r>
      <rPr>
        <sz val="11"/>
        <color theme="1"/>
        <rFont val="Arial"/>
        <family val="2"/>
      </rPr>
      <t>PFOS</t>
    </r>
    <r>
      <rPr>
        <sz val="11"/>
        <color theme="1"/>
        <rFont val="ＭＳ Ｐゴシック"/>
        <family val="3"/>
        <charset val="128"/>
      </rPr>
      <t>）／</t>
    </r>
    <r>
      <rPr>
        <sz val="9"/>
        <color theme="1"/>
        <rFont val="Arial"/>
        <family val="2"/>
      </rPr>
      <t>Perfluorooctane sulfonate (PFOSs)</t>
    </r>
    <phoneticPr fontId="7"/>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phoneticPr fontId="7"/>
  </si>
  <si>
    <r>
      <rPr>
        <sz val="11"/>
        <color theme="1"/>
        <rFont val="ＭＳ Ｐゴシック"/>
        <family val="3"/>
        <charset val="128"/>
      </rPr>
      <t>非装飾用の硬質クロム（</t>
    </r>
    <r>
      <rPr>
        <sz val="11"/>
        <color theme="1"/>
        <rFont val="Arial"/>
        <family val="2"/>
      </rPr>
      <t>VI</t>
    </r>
    <r>
      <rPr>
        <sz val="11"/>
        <color theme="1"/>
        <rFont val="ＭＳ Ｐゴシック"/>
        <family val="3"/>
        <charset val="128"/>
      </rPr>
      <t>）めっき用ミスト防止剤、及びめっき用の装置で用いる湿潤剤として使用されている／</t>
    </r>
    <phoneticPr fontId="7"/>
  </si>
  <si>
    <r>
      <rPr>
        <sz val="11"/>
        <color theme="1"/>
        <rFont val="ＭＳ Ｐゴシック"/>
        <family val="3"/>
        <charset val="128"/>
      </rPr>
      <t>フッ素系温室効果ガス（</t>
    </r>
    <r>
      <rPr>
        <sz val="11"/>
        <color theme="1"/>
        <rFont val="Arial"/>
        <family val="2"/>
      </rPr>
      <t>HFC/PFC/SF6</t>
    </r>
    <r>
      <rPr>
        <sz val="11"/>
        <color theme="1"/>
        <rFont val="ＭＳ Ｐゴシック"/>
        <family val="3"/>
        <charset val="128"/>
      </rPr>
      <t>）／</t>
    </r>
    <r>
      <rPr>
        <sz val="9"/>
        <color theme="1"/>
        <rFont val="Arial"/>
        <family val="2"/>
      </rPr>
      <t>Fluorinated greenhouse gases (HFC, PFC, SF6)</t>
    </r>
    <phoneticPr fontId="7"/>
  </si>
  <si>
    <r>
      <rPr>
        <sz val="11"/>
        <color theme="1"/>
        <rFont val="ＭＳ Ｐゴシック"/>
        <family val="3"/>
        <charset val="128"/>
      </rPr>
      <t>冷媒・断熱材として</t>
    </r>
    <r>
      <rPr>
        <sz val="11"/>
        <color theme="1"/>
        <rFont val="Arial"/>
        <family val="2"/>
      </rPr>
      <t>HFC</t>
    </r>
    <r>
      <rPr>
        <sz val="11"/>
        <color theme="1"/>
        <rFont val="ＭＳ Ｐゴシック"/>
        <family val="3"/>
        <charset val="128"/>
      </rPr>
      <t>が使用されている／</t>
    </r>
    <phoneticPr fontId="7"/>
  </si>
  <si>
    <r>
      <rPr>
        <sz val="11"/>
        <color theme="1"/>
        <rFont val="ＭＳ Ｐゴシック"/>
        <family val="3"/>
        <charset val="128"/>
      </rPr>
      <t>ホルムアルデヒド／</t>
    </r>
    <r>
      <rPr>
        <sz val="9"/>
        <color theme="1"/>
        <rFont val="Arial"/>
        <family val="2"/>
      </rPr>
      <t>Formaldehyde</t>
    </r>
    <phoneticPr fontId="7"/>
  </si>
  <si>
    <r>
      <rPr>
        <sz val="11"/>
        <color theme="1"/>
        <rFont val="ＭＳ Ｐゴシック"/>
        <family val="3"/>
        <charset val="128"/>
      </rPr>
      <t>木製部品へ使用されている／</t>
    </r>
    <phoneticPr fontId="7"/>
  </si>
  <si>
    <r>
      <rPr>
        <sz val="11"/>
        <color theme="1"/>
        <rFont val="ＭＳ Ｐゴシック"/>
        <family val="3"/>
        <charset val="128"/>
      </rPr>
      <t>上記（</t>
    </r>
    <r>
      <rPr>
        <sz val="11"/>
        <color theme="1"/>
        <rFont val="Arial"/>
        <family val="2"/>
      </rPr>
      <t>1</t>
    </r>
    <r>
      <rPr>
        <sz val="11"/>
        <color theme="1"/>
        <rFont val="ＭＳ Ｐゴシック"/>
        <family val="3"/>
        <charset val="128"/>
      </rPr>
      <t>）～（</t>
    </r>
    <r>
      <rPr>
        <sz val="11"/>
        <color theme="1"/>
        <rFont val="Arial"/>
        <family val="2"/>
      </rPr>
      <t>2</t>
    </r>
    <r>
      <rPr>
        <sz val="11"/>
        <color theme="1"/>
        <rFont val="ＭＳ Ｐゴシック"/>
        <family val="3"/>
        <charset val="128"/>
      </rPr>
      <t>）以外のものに使用されている／</t>
    </r>
    <phoneticPr fontId="7"/>
  </si>
  <si>
    <r>
      <rPr>
        <sz val="11"/>
        <color theme="1"/>
        <rFont val="ＭＳ Ｐゴシック"/>
        <family val="3"/>
        <charset val="128"/>
      </rPr>
      <t>電池あたりの質量比が</t>
    </r>
    <r>
      <rPr>
        <sz val="11"/>
        <color theme="1"/>
        <rFont val="Arial"/>
        <family val="2"/>
      </rPr>
      <t>6ppb</t>
    </r>
    <r>
      <rPr>
        <sz val="11"/>
        <color theme="1"/>
        <rFont val="ＭＳ Ｐゴシック"/>
        <family val="3"/>
        <charset val="128"/>
      </rPr>
      <t>以上の含有である（取扱説明書に注意文必要）／</t>
    </r>
    <phoneticPr fontId="7"/>
  </si>
  <si>
    <r>
      <rPr>
        <sz val="11"/>
        <color theme="1"/>
        <rFont val="ＭＳ Ｐゴシック"/>
        <family val="3"/>
        <charset val="128"/>
      </rPr>
      <t>電池あたりの質量比が</t>
    </r>
    <r>
      <rPr>
        <sz val="11"/>
        <color theme="1"/>
        <rFont val="Arial"/>
        <family val="2"/>
      </rPr>
      <t>6ppb</t>
    </r>
    <r>
      <rPr>
        <sz val="11"/>
        <color theme="1"/>
        <rFont val="ＭＳ Ｐゴシック"/>
        <family val="3"/>
        <charset val="128"/>
      </rPr>
      <t>未満の含有である／</t>
    </r>
    <phoneticPr fontId="7"/>
  </si>
  <si>
    <r>
      <rPr>
        <sz val="11"/>
        <rFont val="ＭＳ Ｐゴシック"/>
        <family val="3"/>
        <charset val="128"/>
      </rPr>
      <t>ニッケル及びその化合物／</t>
    </r>
    <r>
      <rPr>
        <sz val="9"/>
        <rFont val="Arial"/>
        <family val="2"/>
      </rPr>
      <t>Nickel and its compound</t>
    </r>
    <phoneticPr fontId="7"/>
  </si>
  <si>
    <r>
      <rPr>
        <sz val="11"/>
        <color theme="1"/>
        <rFont val="ＭＳ Ｐゴシック"/>
        <family val="3"/>
        <charset val="128"/>
      </rPr>
      <t>長時間皮膚に接触する部分に使用されている／</t>
    </r>
    <phoneticPr fontId="7"/>
  </si>
  <si>
    <r>
      <rPr>
        <sz val="11"/>
        <color theme="1"/>
        <rFont val="ＭＳ Ｐゴシック"/>
        <family val="3"/>
        <charset val="128"/>
      </rPr>
      <t>ヒ素及びその化合物／</t>
    </r>
    <r>
      <rPr>
        <sz val="9"/>
        <color theme="1"/>
        <rFont val="Arial"/>
        <family val="2"/>
      </rPr>
      <t>Arsenic and its compound</t>
    </r>
    <phoneticPr fontId="7"/>
  </si>
  <si>
    <r>
      <rPr>
        <sz val="11"/>
        <color theme="1"/>
        <rFont val="ＭＳ Ｐゴシック"/>
        <family val="3"/>
        <charset val="128"/>
      </rPr>
      <t>下記（</t>
    </r>
    <r>
      <rPr>
        <sz val="11"/>
        <color theme="1"/>
        <rFont val="Arial"/>
        <family val="2"/>
      </rPr>
      <t>3</t>
    </r>
    <r>
      <rPr>
        <sz val="11"/>
        <color theme="1"/>
        <rFont val="ＭＳ Ｐゴシック"/>
        <family val="3"/>
        <charset val="128"/>
      </rPr>
      <t>）～（</t>
    </r>
    <r>
      <rPr>
        <sz val="11"/>
        <color theme="1"/>
        <rFont val="Arial"/>
        <family val="2"/>
      </rPr>
      <t>4</t>
    </r>
    <r>
      <rPr>
        <sz val="11"/>
        <color theme="1"/>
        <rFont val="ＭＳ Ｐゴシック"/>
        <family val="3"/>
        <charset val="128"/>
      </rPr>
      <t>）以外のものに使用されている／</t>
    </r>
    <r>
      <rPr>
        <sz val="9"/>
        <color theme="1"/>
        <rFont val="Arial"/>
        <family val="2"/>
      </rPr>
      <t>Used in the other than the following (3)-(4).</t>
    </r>
    <phoneticPr fontId="7"/>
  </si>
  <si>
    <r>
      <rPr>
        <sz val="11"/>
        <color theme="1"/>
        <rFont val="ＭＳ Ｐゴシック"/>
        <family val="3"/>
        <charset val="128"/>
      </rPr>
      <t>液晶プロジェクターのランプのガラスに使用されている（三酸化二ヒ素）／</t>
    </r>
    <phoneticPr fontId="7"/>
  </si>
  <si>
    <r>
      <rPr>
        <sz val="11"/>
        <color theme="1"/>
        <rFont val="ＭＳ Ｐゴシック"/>
        <family val="3"/>
        <charset val="128"/>
      </rPr>
      <t>除外対象部品に使用されている／</t>
    </r>
    <r>
      <rPr>
        <sz val="9"/>
        <color theme="1"/>
        <rFont val="Arial"/>
        <family val="2"/>
      </rPr>
      <t>Used for the exception items.</t>
    </r>
    <phoneticPr fontId="7"/>
  </si>
  <si>
    <r>
      <t xml:space="preserve">(d) </t>
    </r>
    <r>
      <rPr>
        <sz val="11"/>
        <color theme="1"/>
        <rFont val="ＭＳ Ｐゴシック"/>
        <family val="3"/>
        <charset val="128"/>
      </rPr>
      <t>銅箔に／</t>
    </r>
    <r>
      <rPr>
        <sz val="9"/>
        <color theme="1"/>
        <rFont val="Arial"/>
        <family val="2"/>
      </rPr>
      <t>Copper foil</t>
    </r>
    <phoneticPr fontId="7"/>
  </si>
  <si>
    <r>
      <rPr>
        <sz val="11"/>
        <color theme="1"/>
        <rFont val="ＭＳ Ｐゴシック"/>
        <family val="3"/>
        <charset val="128"/>
      </rPr>
      <t>ホウ酸／</t>
    </r>
    <r>
      <rPr>
        <sz val="9"/>
        <color theme="1"/>
        <rFont val="Arial"/>
        <family val="2"/>
      </rPr>
      <t>Boric acid</t>
    </r>
    <phoneticPr fontId="7"/>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r>
      <rPr>
        <sz val="9"/>
        <color theme="1"/>
        <rFont val="Arial"/>
        <family val="2"/>
      </rPr>
      <t>Used in the other than the following (2).</t>
    </r>
    <phoneticPr fontId="7"/>
  </si>
  <si>
    <r>
      <rPr>
        <sz val="11"/>
        <color theme="1"/>
        <rFont val="ＭＳ Ｐゴシック"/>
        <family val="3"/>
        <charset val="128"/>
      </rPr>
      <t>下記用途で使用されている／</t>
    </r>
    <r>
      <rPr>
        <sz val="9"/>
        <color theme="1"/>
        <rFont val="Arial"/>
        <family val="2"/>
      </rPr>
      <t>Used for applications below;</t>
    </r>
    <phoneticPr fontId="7"/>
  </si>
  <si>
    <r>
      <t xml:space="preserve">(a) </t>
    </r>
    <r>
      <rPr>
        <sz val="11"/>
        <color theme="1"/>
        <rFont val="ＭＳ Ｐゴシック"/>
        <family val="3"/>
        <charset val="128"/>
      </rPr>
      <t>偏光板（</t>
    </r>
    <r>
      <rPr>
        <sz val="11"/>
        <color theme="1"/>
        <rFont val="Arial"/>
        <family val="2"/>
      </rPr>
      <t>PVA</t>
    </r>
    <r>
      <rPr>
        <sz val="11"/>
        <color theme="1"/>
        <rFont val="ＭＳ Ｐゴシック"/>
        <family val="3"/>
        <charset val="128"/>
      </rPr>
      <t>製）に／</t>
    </r>
    <r>
      <rPr>
        <sz val="9"/>
        <color theme="1"/>
        <rFont val="Arial"/>
        <family val="2"/>
      </rPr>
      <t xml:space="preserve">Polarizers (made of PVA) </t>
    </r>
    <phoneticPr fontId="7"/>
  </si>
  <si>
    <r>
      <t xml:space="preserve">(b) </t>
    </r>
    <r>
      <rPr>
        <sz val="11"/>
        <color theme="1"/>
        <rFont val="ＭＳ Ｐゴシック"/>
        <family val="3"/>
        <charset val="128"/>
      </rPr>
      <t>ガラスに／</t>
    </r>
    <r>
      <rPr>
        <sz val="9"/>
        <color theme="1"/>
        <rFont val="Arial"/>
        <family val="2"/>
      </rPr>
      <t>Glass</t>
    </r>
    <phoneticPr fontId="7"/>
  </si>
  <si>
    <r>
      <t xml:space="preserve">(c) </t>
    </r>
    <r>
      <rPr>
        <sz val="11"/>
        <color theme="1"/>
        <rFont val="ＭＳ Ｐゴシック"/>
        <family val="3"/>
        <charset val="128"/>
      </rPr>
      <t>接着剤に／</t>
    </r>
    <r>
      <rPr>
        <sz val="9"/>
        <color theme="1"/>
        <rFont val="Arial"/>
        <family val="2"/>
      </rPr>
      <t>Adhensive agent</t>
    </r>
    <phoneticPr fontId="7"/>
  </si>
  <si>
    <r>
      <rPr>
        <sz val="11"/>
        <color theme="1"/>
        <rFont val="ＭＳ Ｐゴシック"/>
        <family val="3"/>
        <charset val="128"/>
      </rPr>
      <t>四ホウ酸二ナトリウム無水物、四ホウ酸二ナトリウム水和物／</t>
    </r>
    <r>
      <rPr>
        <sz val="9"/>
        <color theme="1"/>
        <rFont val="Arial"/>
        <family val="2"/>
      </rPr>
      <t>Disodium tetraborate, anhydrous, Tetraboron disodium heptaoxide, hydrate</t>
    </r>
    <phoneticPr fontId="7"/>
  </si>
  <si>
    <r>
      <t xml:space="preserve">(a) </t>
    </r>
    <r>
      <rPr>
        <sz val="11"/>
        <color theme="1"/>
        <rFont val="ＭＳ Ｐゴシック"/>
        <family val="3"/>
        <charset val="128"/>
      </rPr>
      <t>偏光板（</t>
    </r>
    <r>
      <rPr>
        <sz val="11"/>
        <color theme="1"/>
        <rFont val="Arial"/>
        <family val="2"/>
      </rPr>
      <t>PVA</t>
    </r>
    <r>
      <rPr>
        <sz val="11"/>
        <color theme="1"/>
        <rFont val="ＭＳ Ｐゴシック"/>
        <family val="3"/>
        <charset val="128"/>
      </rPr>
      <t>製）に／</t>
    </r>
    <r>
      <rPr>
        <sz val="9"/>
        <color theme="1"/>
        <rFont val="Arial"/>
        <family val="2"/>
      </rPr>
      <t>Polarizers (made of PVA)</t>
    </r>
    <phoneticPr fontId="7"/>
  </si>
  <si>
    <r>
      <t xml:space="preserve">(d) </t>
    </r>
    <r>
      <rPr>
        <sz val="11"/>
        <color theme="1"/>
        <rFont val="ＭＳ Ｐゴシック"/>
        <family val="3"/>
        <charset val="128"/>
      </rPr>
      <t>繊維に／</t>
    </r>
    <r>
      <rPr>
        <sz val="9"/>
        <color theme="1"/>
        <rFont val="Arial"/>
        <family val="2"/>
      </rPr>
      <t>Fiber</t>
    </r>
    <phoneticPr fontId="7"/>
  </si>
  <si>
    <r>
      <rPr>
        <sz val="11"/>
        <color theme="1"/>
        <rFont val="ＭＳ Ｐゴシック"/>
        <family val="3"/>
        <charset val="128"/>
      </rPr>
      <t>ジオクチルスズ化合物（</t>
    </r>
    <r>
      <rPr>
        <sz val="11"/>
        <color theme="1"/>
        <rFont val="Arial"/>
        <family val="2"/>
      </rPr>
      <t>DOT</t>
    </r>
    <r>
      <rPr>
        <sz val="11"/>
        <color theme="1"/>
        <rFont val="ＭＳ Ｐゴシック"/>
        <family val="3"/>
        <charset val="128"/>
      </rPr>
      <t>）／</t>
    </r>
    <r>
      <rPr>
        <sz val="9"/>
        <color theme="1"/>
        <rFont val="Arial"/>
        <family val="2"/>
      </rPr>
      <t>Dioctyltin (DOT) compounds</t>
    </r>
    <phoneticPr fontId="7"/>
  </si>
  <si>
    <r>
      <t>2</t>
    </r>
    <r>
      <rPr>
        <sz val="11"/>
        <color theme="1"/>
        <rFont val="ＭＳ Ｐゴシック"/>
        <family val="3"/>
        <charset val="128"/>
      </rPr>
      <t>液型室温硬化型成型材キット（</t>
    </r>
    <r>
      <rPr>
        <sz val="11"/>
        <color theme="1"/>
        <rFont val="Arial"/>
        <family val="2"/>
      </rPr>
      <t>RTV-2</t>
    </r>
    <r>
      <rPr>
        <sz val="11"/>
        <color theme="1"/>
        <rFont val="ＭＳ Ｐゴシック"/>
        <family val="3"/>
        <charset val="128"/>
      </rPr>
      <t>成型材キット）／</t>
    </r>
    <phoneticPr fontId="7"/>
  </si>
  <si>
    <r>
      <rPr>
        <sz val="11"/>
        <color theme="1"/>
        <rFont val="ＭＳ Ｐゴシック"/>
        <family val="3"/>
        <charset val="128"/>
      </rPr>
      <t xml:space="preserve">使用可／
</t>
    </r>
    <r>
      <rPr>
        <sz val="9"/>
        <color theme="1"/>
        <rFont val="Arial"/>
        <family val="2"/>
      </rPr>
      <t>Usable</t>
    </r>
    <phoneticPr fontId="7"/>
  </si>
  <si>
    <r>
      <rPr>
        <sz val="11"/>
        <rFont val="ＭＳ Ｐゴシック"/>
        <family val="3"/>
        <charset val="128"/>
      </rPr>
      <t>パーフルオロオクタン酸（</t>
    </r>
    <r>
      <rPr>
        <sz val="11"/>
        <rFont val="Arial"/>
        <family val="2"/>
      </rPr>
      <t>PFOA</t>
    </r>
    <r>
      <rPr>
        <sz val="11"/>
        <rFont val="ＭＳ Ｐゴシック"/>
        <family val="3"/>
        <charset val="128"/>
      </rPr>
      <t>）とその塩および</t>
    </r>
    <r>
      <rPr>
        <sz val="11"/>
        <rFont val="Arial"/>
        <family val="2"/>
      </rPr>
      <t>PFOA</t>
    </r>
    <r>
      <rPr>
        <sz val="11"/>
        <rFont val="ＭＳ Ｐゴシック"/>
        <family val="3"/>
        <charset val="128"/>
      </rPr>
      <t>関連物質／</t>
    </r>
    <r>
      <rPr>
        <sz val="9"/>
        <rFont val="Arial"/>
        <family val="2"/>
      </rPr>
      <t>Perfluorooctanoic acid (PFOA) and its salts and PFOA-related substances</t>
    </r>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4</t>
    </r>
    <r>
      <rPr>
        <sz val="11"/>
        <rFont val="ＭＳ Ｐゴシック"/>
        <family val="3"/>
        <charset val="128"/>
      </rPr>
      <t>）以外のものに使用されている／</t>
    </r>
    <r>
      <rPr>
        <sz val="9"/>
        <rFont val="Arial"/>
        <family val="2"/>
      </rPr>
      <t>Used in the other than the following (2)-(4).</t>
    </r>
    <phoneticPr fontId="7"/>
  </si>
  <si>
    <r>
      <rPr>
        <sz val="11"/>
        <rFont val="ＭＳ Ｐゴシック"/>
        <family val="3"/>
        <charset val="128"/>
      </rPr>
      <t>半導体用フォト・リソグラフィ工程またはコンパウンド半導体用のエッチング工程で使用されている／</t>
    </r>
    <phoneticPr fontId="7"/>
  </si>
  <si>
    <r>
      <rPr>
        <sz val="11"/>
        <rFont val="ＭＳ Ｐゴシック"/>
        <family val="3"/>
        <charset val="128"/>
      </rPr>
      <t>フイルム、紙、あるいは、印刷版に用いるフォト用コートに使用されている／</t>
    </r>
    <phoneticPr fontId="7"/>
  </si>
  <si>
    <r>
      <rPr>
        <sz val="11"/>
        <color theme="1"/>
        <rFont val="ＭＳ Ｐゴシック"/>
        <family val="3"/>
        <charset val="128"/>
      </rPr>
      <t>塩素系難燃剤／</t>
    </r>
    <r>
      <rPr>
        <sz val="9"/>
        <color theme="1"/>
        <rFont val="Arial"/>
        <family val="2"/>
      </rPr>
      <t>Chlorinated flame retardants</t>
    </r>
    <phoneticPr fontId="7"/>
  </si>
  <si>
    <r>
      <rPr>
        <sz val="11"/>
        <rFont val="ＭＳ Ｐゴシック"/>
        <family val="3"/>
        <charset val="128"/>
      </rPr>
      <t>（記入必須）代替困難理由・使用箇所／</t>
    </r>
    <r>
      <rPr>
        <sz val="9"/>
        <rFont val="Arial"/>
        <family val="2"/>
      </rPr>
      <t>(Required fields)  Reason for "difficult to substitute" and Point of use</t>
    </r>
    <phoneticPr fontId="7"/>
  </si>
  <si>
    <r>
      <rPr>
        <sz val="11"/>
        <rFont val="ＭＳ Ｐゴシック"/>
        <family val="3"/>
        <charset val="128"/>
      </rPr>
      <t>下記（</t>
    </r>
    <r>
      <rPr>
        <sz val="11"/>
        <rFont val="Arial"/>
        <family val="2"/>
      </rPr>
      <t>3</t>
    </r>
    <r>
      <rPr>
        <sz val="11"/>
        <rFont val="ＭＳ Ｐゴシック"/>
        <family val="3"/>
        <charset val="128"/>
      </rPr>
      <t>）～（</t>
    </r>
    <r>
      <rPr>
        <sz val="11"/>
        <rFont val="Arial"/>
        <family val="2"/>
      </rPr>
      <t>6</t>
    </r>
    <r>
      <rPr>
        <sz val="11"/>
        <rFont val="ＭＳ Ｐゴシック"/>
        <family val="3"/>
        <charset val="128"/>
      </rPr>
      <t>）以外のものに使用されている／</t>
    </r>
    <r>
      <rPr>
        <sz val="9"/>
        <rFont val="Arial"/>
        <family val="2"/>
      </rPr>
      <t>Used in the other than the following (3)-(6).</t>
    </r>
    <phoneticPr fontId="7"/>
  </si>
  <si>
    <r>
      <rPr>
        <sz val="11"/>
        <rFont val="ＭＳ Ｐゴシック"/>
        <family val="3"/>
        <charset val="128"/>
      </rPr>
      <t>自動車部品またはその交換部品に使用されている／</t>
    </r>
    <phoneticPr fontId="7"/>
  </si>
  <si>
    <r>
      <rPr>
        <sz val="11"/>
        <rFont val="ＭＳ Ｐゴシック"/>
        <family val="3"/>
        <charset val="128"/>
      </rPr>
      <t>保存メディア（</t>
    </r>
    <r>
      <rPr>
        <sz val="11"/>
        <rFont val="Arial"/>
        <family val="2"/>
      </rPr>
      <t>CD</t>
    </r>
    <r>
      <rPr>
        <sz val="11"/>
        <rFont val="ＭＳ Ｐゴシック"/>
        <family val="3"/>
        <charset val="128"/>
      </rPr>
      <t>、コンピュータゲームなどのインタラクティブソフトウェア）に使用されている／</t>
    </r>
    <phoneticPr fontId="7"/>
  </si>
  <si>
    <r>
      <rPr>
        <sz val="11"/>
        <rFont val="ＭＳ Ｐゴシック"/>
        <family val="3"/>
        <charset val="128"/>
      </rPr>
      <t>上記（</t>
    </r>
    <r>
      <rPr>
        <sz val="11"/>
        <rFont val="Arial"/>
        <family val="2"/>
      </rPr>
      <t>1</t>
    </r>
    <r>
      <rPr>
        <sz val="11"/>
        <rFont val="ＭＳ Ｐゴシック"/>
        <family val="3"/>
        <charset val="128"/>
      </rPr>
      <t>）以外のものに使用されている／</t>
    </r>
    <r>
      <rPr>
        <sz val="11"/>
        <rFont val="Arial"/>
        <family val="2"/>
      </rPr>
      <t>Used in the other than the above (1).</t>
    </r>
    <phoneticPr fontId="7"/>
  </si>
  <si>
    <r>
      <rPr>
        <sz val="11"/>
        <rFont val="ＭＳ Ｐゴシック"/>
        <family val="3"/>
        <charset val="128"/>
      </rPr>
      <t>リン酸トリス（</t>
    </r>
    <r>
      <rPr>
        <sz val="11"/>
        <rFont val="Arial"/>
        <family val="2"/>
      </rPr>
      <t>1,3-</t>
    </r>
    <r>
      <rPr>
        <sz val="11"/>
        <rFont val="ＭＳ Ｐゴシック"/>
        <family val="3"/>
        <charset val="128"/>
      </rPr>
      <t>ジクロロ</t>
    </r>
    <r>
      <rPr>
        <sz val="11"/>
        <rFont val="Arial"/>
        <family val="2"/>
      </rPr>
      <t>-2-</t>
    </r>
    <r>
      <rPr>
        <sz val="11"/>
        <rFont val="ＭＳ Ｐゴシック"/>
        <family val="3"/>
        <charset val="128"/>
      </rPr>
      <t>プロピル）（</t>
    </r>
    <r>
      <rPr>
        <sz val="11"/>
        <rFont val="Arial"/>
        <family val="2"/>
      </rPr>
      <t>TDCPP</t>
    </r>
    <r>
      <rPr>
        <sz val="11"/>
        <rFont val="ＭＳ Ｐゴシック"/>
        <family val="3"/>
        <charset val="128"/>
      </rPr>
      <t>）／</t>
    </r>
    <r>
      <rPr>
        <sz val="9"/>
        <rFont val="Arial"/>
        <family val="2"/>
      </rPr>
      <t>Tris(1,3-dichloro-2-propyl) phosphate (TDCPP)</t>
    </r>
    <phoneticPr fontId="7"/>
  </si>
  <si>
    <r>
      <rPr>
        <sz val="11"/>
        <color theme="1"/>
        <rFont val="ＭＳ Ｐゴシック"/>
        <family val="3"/>
        <charset val="128"/>
      </rPr>
      <t>多環芳香族炭化水素（</t>
    </r>
    <r>
      <rPr>
        <sz val="11"/>
        <color theme="1"/>
        <rFont val="Arial"/>
        <family val="2"/>
      </rPr>
      <t>PAH</t>
    </r>
    <r>
      <rPr>
        <sz val="11"/>
        <color theme="1"/>
        <rFont val="ＭＳ Ｐゴシック"/>
        <family val="3"/>
        <charset val="128"/>
      </rPr>
      <t>）／</t>
    </r>
    <r>
      <rPr>
        <sz val="9"/>
        <color theme="1"/>
        <rFont val="Arial"/>
        <family val="2"/>
      </rPr>
      <t>Polycyclic aromatic hydrocarbons (PAHs)</t>
    </r>
    <phoneticPr fontId="7"/>
  </si>
  <si>
    <r>
      <rPr>
        <sz val="11"/>
        <rFont val="ＭＳ Ｐゴシック"/>
        <family val="3"/>
        <charset val="128"/>
      </rPr>
      <t>リン酸イソプロピルフェニル（</t>
    </r>
    <r>
      <rPr>
        <sz val="11"/>
        <rFont val="Arial"/>
        <family val="2"/>
      </rPr>
      <t>PIP(3:1)</t>
    </r>
    <r>
      <rPr>
        <sz val="11"/>
        <rFont val="ＭＳ Ｐゴシック"/>
        <family val="3"/>
        <charset val="128"/>
      </rPr>
      <t>）／</t>
    </r>
    <r>
      <rPr>
        <sz val="9"/>
        <rFont val="Arial"/>
        <family val="2"/>
      </rPr>
      <t>Isopropylphenyl phosphate (PIP(3:1))</t>
    </r>
    <r>
      <rPr>
        <sz val="11"/>
        <rFont val="ＭＳ Ｐゴシック"/>
        <family val="3"/>
        <charset val="128"/>
      </rPr>
      <t/>
    </r>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5</t>
    </r>
    <r>
      <rPr>
        <sz val="11"/>
        <rFont val="ＭＳ Ｐゴシック"/>
        <family val="3"/>
        <charset val="128"/>
      </rPr>
      <t>）以外のものに使用されている／</t>
    </r>
    <r>
      <rPr>
        <sz val="9"/>
        <rFont val="Arial"/>
        <family val="2"/>
      </rPr>
      <t>Used in the other than the following (2)-(5).</t>
    </r>
    <phoneticPr fontId="7"/>
  </si>
  <si>
    <r>
      <rPr>
        <sz val="11"/>
        <rFont val="ＭＳ Ｐゴシック"/>
        <family val="3"/>
        <charset val="128"/>
      </rPr>
      <t>ペルクロロブタ</t>
    </r>
    <r>
      <rPr>
        <sz val="11"/>
        <rFont val="Arial"/>
        <family val="2"/>
      </rPr>
      <t>-1,3-</t>
    </r>
    <r>
      <rPr>
        <sz val="11"/>
        <rFont val="ＭＳ Ｐゴシック"/>
        <family val="3"/>
        <charset val="128"/>
      </rPr>
      <t>ジエン（</t>
    </r>
    <r>
      <rPr>
        <sz val="11"/>
        <rFont val="Arial"/>
        <family val="2"/>
      </rPr>
      <t>HCBD</t>
    </r>
    <r>
      <rPr>
        <sz val="11"/>
        <rFont val="ＭＳ Ｐゴシック"/>
        <family val="3"/>
        <charset val="128"/>
      </rPr>
      <t>）／</t>
    </r>
    <r>
      <rPr>
        <sz val="9"/>
        <rFont val="Arial"/>
        <family val="2"/>
      </rPr>
      <t>Hexachlorobutadiene (HCBD)</t>
    </r>
    <r>
      <rPr>
        <sz val="11"/>
        <rFont val="ＭＳ Ｐゴシック"/>
        <family val="3"/>
        <charset val="128"/>
      </rPr>
      <t/>
    </r>
    <phoneticPr fontId="7"/>
  </si>
  <si>
    <r>
      <rPr>
        <sz val="11"/>
        <rFont val="ＭＳ Ｐゴシック"/>
        <family val="3"/>
        <charset val="128"/>
      </rPr>
      <t>下記（</t>
    </r>
    <r>
      <rPr>
        <sz val="11"/>
        <rFont val="Arial"/>
        <family val="2"/>
      </rPr>
      <t>2</t>
    </r>
    <r>
      <rPr>
        <sz val="11"/>
        <rFont val="ＭＳ Ｐゴシック"/>
        <family val="3"/>
        <charset val="128"/>
      </rPr>
      <t>）以外のものに使用されている／</t>
    </r>
    <r>
      <rPr>
        <sz val="9"/>
        <rFont val="Arial"/>
        <family val="2"/>
      </rPr>
      <t>Used in the other than the following (2).</t>
    </r>
    <phoneticPr fontId="7"/>
  </si>
  <si>
    <r>
      <t>2,4,6-</t>
    </r>
    <r>
      <rPr>
        <sz val="11"/>
        <rFont val="ＭＳ Ｐゴシック"/>
        <family val="3"/>
        <charset val="128"/>
      </rPr>
      <t>トリ</t>
    </r>
    <r>
      <rPr>
        <sz val="11"/>
        <rFont val="Arial"/>
        <family val="2"/>
      </rPr>
      <t>-tert-</t>
    </r>
    <r>
      <rPr>
        <sz val="11"/>
        <rFont val="ＭＳ Ｐゴシック"/>
        <family val="3"/>
        <charset val="128"/>
      </rPr>
      <t>ブチルフェノール（</t>
    </r>
    <r>
      <rPr>
        <sz val="11"/>
        <rFont val="Arial"/>
        <family val="2"/>
      </rPr>
      <t>2,4,6-TTBP</t>
    </r>
    <r>
      <rPr>
        <sz val="11"/>
        <rFont val="ＭＳ Ｐゴシック"/>
        <family val="3"/>
        <charset val="128"/>
      </rPr>
      <t>）／</t>
    </r>
    <r>
      <rPr>
        <sz val="9"/>
        <rFont val="Arial"/>
        <family val="2"/>
      </rPr>
      <t>2,4,6-tris(tert-butyl)phenol (2,4,6-TTBP)</t>
    </r>
    <phoneticPr fontId="7"/>
  </si>
  <si>
    <r>
      <rPr>
        <sz val="11"/>
        <rFont val="ＭＳ Ｐゴシック"/>
        <family val="3"/>
        <charset val="128"/>
      </rPr>
      <t>成型品中に使用されている／</t>
    </r>
    <r>
      <rPr>
        <sz val="9"/>
        <rFont val="Arial"/>
        <family val="2"/>
      </rPr>
      <t>Used in articles</t>
    </r>
    <phoneticPr fontId="7"/>
  </si>
  <si>
    <r>
      <rPr>
        <sz val="11"/>
        <rFont val="ＭＳ Ｐゴシック"/>
        <family val="3"/>
        <charset val="128"/>
      </rPr>
      <t>感熱紙用途に、</t>
    </r>
    <r>
      <rPr>
        <sz val="11"/>
        <rFont val="Arial"/>
        <family val="2"/>
      </rPr>
      <t>0.02wt%</t>
    </r>
    <r>
      <rPr>
        <sz val="11"/>
        <rFont val="ＭＳ Ｐゴシック"/>
        <family val="3"/>
        <charset val="128"/>
      </rPr>
      <t>以上の含有である／</t>
    </r>
    <r>
      <rPr>
        <sz val="9"/>
        <rFont val="Arial"/>
        <family val="2"/>
      </rPr>
      <t>Used in thermal paper, containing equal to or greater than 0.02wt%.</t>
    </r>
    <phoneticPr fontId="7"/>
  </si>
  <si>
    <r>
      <t>A2-</t>
    </r>
    <r>
      <rPr>
        <b/>
        <sz val="12"/>
        <color theme="1"/>
        <rFont val="ＭＳ Ｐゴシック"/>
        <family val="3"/>
        <charset val="128"/>
      </rPr>
      <t>別表／</t>
    </r>
    <r>
      <rPr>
        <b/>
        <sz val="9"/>
        <color theme="1"/>
        <rFont val="Arial"/>
        <family val="2"/>
      </rPr>
      <t>A2-Appendix</t>
    </r>
    <phoneticPr fontId="7"/>
  </si>
  <si>
    <r>
      <t>RoHS</t>
    </r>
    <r>
      <rPr>
        <sz val="11"/>
        <color theme="1"/>
        <rFont val="ＭＳ Ｐゴシック"/>
        <family val="3"/>
        <charset val="128"/>
      </rPr>
      <t xml:space="preserve">除外／
</t>
    </r>
    <r>
      <rPr>
        <sz val="6"/>
        <color theme="1"/>
        <rFont val="Arial"/>
        <family val="2"/>
      </rPr>
      <t>RoHS Exemption *1)</t>
    </r>
    <phoneticPr fontId="7"/>
  </si>
  <si>
    <r>
      <rPr>
        <sz val="11"/>
        <color theme="1"/>
        <rFont val="ＭＳ Ｐゴシック"/>
        <family val="3"/>
        <charset val="128"/>
      </rPr>
      <t>カドミウム及びその化合物／</t>
    </r>
    <r>
      <rPr>
        <sz val="11"/>
        <color theme="1"/>
        <rFont val="Arial"/>
        <family val="2"/>
      </rPr>
      <t>Cadmium and its compound</t>
    </r>
    <phoneticPr fontId="7"/>
  </si>
  <si>
    <r>
      <rPr>
        <b/>
        <sz val="11"/>
        <color theme="0"/>
        <rFont val="ＭＳ Ｐゴシック"/>
        <family val="3"/>
        <charset val="128"/>
      </rPr>
      <t>使用禁止／</t>
    </r>
    <phoneticPr fontId="7"/>
  </si>
  <si>
    <r>
      <t xml:space="preserve">(b) </t>
    </r>
    <r>
      <rPr>
        <sz val="11"/>
        <rFont val="ＭＳ Ｐゴシック"/>
        <family val="3"/>
        <charset val="128"/>
      </rPr>
      <t>熱感知制御／</t>
    </r>
    <r>
      <rPr>
        <sz val="9"/>
        <rFont val="Arial"/>
        <family val="2"/>
      </rPr>
      <t>Thermal sensing controls</t>
    </r>
    <phoneticPr fontId="7"/>
  </si>
  <si>
    <r>
      <t xml:space="preserve">(c) </t>
    </r>
    <r>
      <rPr>
        <sz val="11"/>
        <rFont val="ＭＳ Ｐゴシック"/>
        <family val="3"/>
        <charset val="128"/>
      </rPr>
      <t xml:space="preserve">サーマルモータ・プロテクタ（密封型サーマルモータ・プロテクタを除く）／
</t>
    </r>
    <r>
      <rPr>
        <sz val="11"/>
        <rFont val="Arial"/>
        <family val="2"/>
      </rPr>
      <t xml:space="preserve">    </t>
    </r>
    <r>
      <rPr>
        <sz val="9"/>
        <rFont val="Arial"/>
        <family val="2"/>
      </rPr>
      <t>Thermal motor protectors (excluding hermetic thermal motor protectors)</t>
    </r>
    <phoneticPr fontId="7"/>
  </si>
  <si>
    <r>
      <t xml:space="preserve">(d) </t>
    </r>
    <r>
      <rPr>
        <sz val="11"/>
        <rFont val="ＭＳ Ｐゴシック"/>
        <family val="3"/>
        <charset val="128"/>
      </rPr>
      <t>下記定格の</t>
    </r>
    <r>
      <rPr>
        <sz val="11"/>
        <rFont val="Arial"/>
        <family val="2"/>
      </rPr>
      <t>AC</t>
    </r>
    <r>
      <rPr>
        <sz val="11"/>
        <rFont val="ＭＳ Ｐゴシック"/>
        <family val="3"/>
        <charset val="128"/>
      </rPr>
      <t>スイッチ／</t>
    </r>
    <r>
      <rPr>
        <sz val="11"/>
        <rFont val="Arial"/>
        <family val="2"/>
      </rPr>
      <t>AC switches rated at
    AC 250V</t>
    </r>
    <r>
      <rPr>
        <sz val="11"/>
        <rFont val="ＭＳ Ｐゴシック"/>
        <family val="3"/>
        <charset val="128"/>
      </rPr>
      <t>以上において</t>
    </r>
    <r>
      <rPr>
        <sz val="11"/>
        <rFont val="Arial"/>
        <family val="2"/>
      </rPr>
      <t>6A</t>
    </r>
    <r>
      <rPr>
        <sz val="11"/>
        <rFont val="ＭＳ Ｐゴシック"/>
        <family val="3"/>
        <charset val="128"/>
      </rPr>
      <t>以上、または</t>
    </r>
    <r>
      <rPr>
        <sz val="11"/>
        <rFont val="Arial"/>
        <family val="2"/>
      </rPr>
      <t>AC125V</t>
    </r>
    <r>
      <rPr>
        <sz val="11"/>
        <rFont val="ＭＳ Ｐゴシック"/>
        <family val="3"/>
        <charset val="128"/>
      </rPr>
      <t>以上において</t>
    </r>
    <r>
      <rPr>
        <sz val="11"/>
        <rFont val="Arial"/>
        <family val="2"/>
      </rPr>
      <t>12A</t>
    </r>
    <r>
      <rPr>
        <sz val="11"/>
        <rFont val="ＭＳ Ｐゴシック"/>
        <family val="3"/>
        <charset val="128"/>
      </rPr>
      <t xml:space="preserve">以上／
</t>
    </r>
    <r>
      <rPr>
        <sz val="11"/>
        <rFont val="Arial"/>
        <family val="2"/>
      </rPr>
      <t xml:space="preserve">    </t>
    </r>
    <r>
      <rPr>
        <sz val="9"/>
        <rFont val="Arial"/>
        <family val="2"/>
      </rPr>
      <t>6A and more at 250V AC and more, or 12A and more at 125V AC and more</t>
    </r>
    <phoneticPr fontId="7"/>
  </si>
  <si>
    <r>
      <t>(e) DC 18V</t>
    </r>
    <r>
      <rPr>
        <sz val="11"/>
        <rFont val="ＭＳ Ｐゴシック"/>
        <family val="3"/>
        <charset val="128"/>
      </rPr>
      <t>以上において</t>
    </r>
    <r>
      <rPr>
        <sz val="11"/>
        <rFont val="Arial"/>
        <family val="2"/>
      </rPr>
      <t>20A</t>
    </r>
    <r>
      <rPr>
        <sz val="11"/>
        <rFont val="ＭＳ Ｐゴシック"/>
        <family val="3"/>
        <charset val="128"/>
      </rPr>
      <t>以上の定格の</t>
    </r>
    <r>
      <rPr>
        <sz val="11"/>
        <rFont val="Arial"/>
        <family val="2"/>
      </rPr>
      <t>DC</t>
    </r>
    <r>
      <rPr>
        <sz val="11"/>
        <rFont val="ＭＳ Ｐゴシック"/>
        <family val="3"/>
        <charset val="128"/>
      </rPr>
      <t xml:space="preserve">スイッチ／
</t>
    </r>
    <r>
      <rPr>
        <sz val="11"/>
        <rFont val="Arial"/>
        <family val="2"/>
      </rPr>
      <t xml:space="preserve">    </t>
    </r>
    <r>
      <rPr>
        <sz val="9"/>
        <rFont val="Arial"/>
        <family val="2"/>
      </rPr>
      <t>DC switches rated at 20A and more at 18V DC and more</t>
    </r>
    <phoneticPr fontId="7"/>
  </si>
  <si>
    <r>
      <t>(f) 200Hz</t>
    </r>
    <r>
      <rPr>
        <sz val="11"/>
        <rFont val="ＭＳ Ｐゴシック"/>
        <family val="3"/>
        <charset val="128"/>
      </rPr>
      <t xml:space="preserve">以上の電圧源周波数において使用するスイッチ／
</t>
    </r>
    <r>
      <rPr>
        <sz val="11"/>
        <rFont val="Arial"/>
        <family val="2"/>
      </rPr>
      <t xml:space="preserve">    </t>
    </r>
    <r>
      <rPr>
        <sz val="9"/>
        <rFont val="Arial"/>
        <family val="2"/>
      </rPr>
      <t xml:space="preserve">Switches for use at voltage supply frequency </t>
    </r>
    <r>
      <rPr>
        <sz val="9"/>
        <rFont val="ＭＳ Ｐゴシック"/>
        <family val="3"/>
        <charset val="128"/>
      </rPr>
      <t>≥</t>
    </r>
    <r>
      <rPr>
        <sz val="9"/>
        <rFont val="Arial"/>
        <family val="2"/>
      </rPr>
      <t xml:space="preserve"> 200 Hz</t>
    </r>
    <phoneticPr fontId="7"/>
  </si>
  <si>
    <r>
      <rPr>
        <sz val="11"/>
        <rFont val="ＭＳ Ｐゴシック"/>
        <family val="3"/>
        <charset val="128"/>
      </rPr>
      <t>光学用途に使われる白色ガラス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t>EU RoHS</t>
    </r>
    <r>
      <rPr>
        <sz val="11"/>
        <color theme="1"/>
        <rFont val="ＭＳ Ｐゴシック"/>
        <family val="3"/>
        <charset val="128"/>
      </rPr>
      <t>指令</t>
    </r>
    <r>
      <rPr>
        <sz val="11"/>
        <color theme="1"/>
        <rFont val="Arial"/>
        <family val="2"/>
      </rPr>
      <t xml:space="preserve"> </t>
    </r>
    <r>
      <rPr>
        <sz val="11"/>
        <color theme="1"/>
        <rFont val="ＭＳ Ｐゴシック"/>
        <family val="3"/>
        <charset val="128"/>
      </rPr>
      <t>附属書</t>
    </r>
    <r>
      <rPr>
        <sz val="9"/>
        <color theme="1"/>
        <rFont val="Arial"/>
        <family val="2"/>
      </rPr>
      <t>No.</t>
    </r>
    <r>
      <rPr>
        <sz val="11"/>
        <color theme="1"/>
        <rFont val="ＭＳ Ｐゴシック"/>
        <family val="3"/>
        <charset val="128"/>
      </rPr>
      <t>／</t>
    </r>
    <r>
      <rPr>
        <sz val="9"/>
        <color theme="1"/>
        <rFont val="Arial"/>
        <family val="2"/>
      </rPr>
      <t>EU RoHS directive Annex No. :</t>
    </r>
    <phoneticPr fontId="7"/>
  </si>
  <si>
    <r>
      <rPr>
        <sz val="11"/>
        <color theme="1"/>
        <rFont val="ＭＳ Ｐゴシック"/>
        <family val="3"/>
        <charset val="128"/>
      </rPr>
      <t>鉛及びその化合物／</t>
    </r>
    <r>
      <rPr>
        <sz val="11"/>
        <color theme="1"/>
        <rFont val="Arial"/>
        <family val="2"/>
      </rPr>
      <t>Lead and its compound</t>
    </r>
    <phoneticPr fontId="7"/>
  </si>
  <si>
    <r>
      <t>12</t>
    </r>
    <r>
      <rPr>
        <sz val="11"/>
        <color theme="1"/>
        <rFont val="ＭＳ Ｐゴシック"/>
        <family val="3"/>
        <charset val="128"/>
      </rPr>
      <t>歳以下の子供用製品に、外装部品あたり</t>
    </r>
    <r>
      <rPr>
        <sz val="11"/>
        <color theme="1"/>
        <rFont val="Arial"/>
        <family val="2"/>
      </rPr>
      <t>0.01wt%</t>
    </r>
    <r>
      <rPr>
        <sz val="11"/>
        <color theme="1"/>
        <rFont val="ＭＳ Ｐゴシック"/>
        <family val="3"/>
        <charset val="128"/>
      </rPr>
      <t>以上使用されている／</t>
    </r>
    <phoneticPr fontId="7"/>
  </si>
  <si>
    <r>
      <rPr>
        <sz val="11"/>
        <rFont val="ＭＳ Ｐゴシック"/>
        <family val="3"/>
        <charset val="128"/>
      </rPr>
      <t>下記（</t>
    </r>
    <r>
      <rPr>
        <sz val="11"/>
        <rFont val="Arial"/>
        <family val="2"/>
      </rPr>
      <t>4</t>
    </r>
    <r>
      <rPr>
        <sz val="11"/>
        <rFont val="ＭＳ Ｐゴシック"/>
        <family val="3"/>
        <charset val="128"/>
      </rPr>
      <t>）～（</t>
    </r>
    <r>
      <rPr>
        <sz val="11"/>
        <rFont val="Arial"/>
        <family val="2"/>
      </rPr>
      <t>13</t>
    </r>
    <r>
      <rPr>
        <sz val="11"/>
        <rFont val="ＭＳ Ｐゴシック"/>
        <family val="3"/>
        <charset val="128"/>
      </rPr>
      <t>）以外のものに使用されている／</t>
    </r>
    <phoneticPr fontId="7"/>
  </si>
  <si>
    <r>
      <rPr>
        <sz val="11"/>
        <color theme="1"/>
        <rFont val="ＭＳ Ｐゴシック"/>
        <family val="3"/>
        <charset val="128"/>
      </rPr>
      <t>使用可／</t>
    </r>
    <phoneticPr fontId="7"/>
  </si>
  <si>
    <r>
      <rPr>
        <sz val="11"/>
        <rFont val="ＭＳ Ｐゴシック"/>
        <family val="3"/>
        <charset val="128"/>
      </rPr>
      <t>高融点はんだ（鉛が</t>
    </r>
    <r>
      <rPr>
        <sz val="11"/>
        <rFont val="Arial"/>
        <family val="2"/>
      </rPr>
      <t>85wt%</t>
    </r>
    <r>
      <rPr>
        <sz val="11"/>
        <rFont val="ＭＳ Ｐゴシック"/>
        <family val="3"/>
        <charset val="128"/>
      </rPr>
      <t>以上のはんだ）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rPr>
        <sz val="11"/>
        <rFont val="ＭＳ Ｐゴシック"/>
        <family val="3"/>
        <charset val="128"/>
      </rPr>
      <t>電気電子部品中のコンデンサ内の誘電体セラミック以外のガラス中またはセラミック中（例</t>
    </r>
    <r>
      <rPr>
        <sz val="11"/>
        <rFont val="Arial"/>
        <family val="2"/>
      </rPr>
      <t xml:space="preserve"> </t>
    </r>
    <r>
      <rPr>
        <sz val="11"/>
        <rFont val="ＭＳ Ｐゴシック"/>
        <family val="3"/>
        <charset val="128"/>
      </rPr>
      <t>圧電素子）に、もしくは、ガラスまたはセラミックを母材とする化合物中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rPr>
        <sz val="11"/>
        <rFont val="ＭＳ Ｐゴシック"/>
        <family val="3"/>
        <charset val="128"/>
      </rPr>
      <t>蛍光管のガラス（</t>
    </r>
    <r>
      <rPr>
        <sz val="11"/>
        <rFont val="Arial"/>
        <family val="2"/>
      </rPr>
      <t>0.2wt%</t>
    </r>
    <r>
      <rPr>
        <sz val="11"/>
        <rFont val="ＭＳ Ｐゴシック"/>
        <family val="3"/>
        <charset val="128"/>
      </rPr>
      <t>まで）に使用されている［</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rPr>
        <sz val="11"/>
        <rFont val="ＭＳ Ｐゴシック"/>
        <family val="3"/>
        <charset val="128"/>
      </rPr>
      <t>合金成分に含有している／</t>
    </r>
    <r>
      <rPr>
        <sz val="9"/>
        <rFont val="Arial"/>
        <family val="2"/>
      </rPr>
      <t>Contained as an alloying element.</t>
    </r>
    <phoneticPr fontId="7"/>
  </si>
  <si>
    <r>
      <t xml:space="preserve">(a) </t>
    </r>
    <r>
      <rPr>
        <sz val="11"/>
        <rFont val="ＭＳ Ｐゴシック"/>
        <family val="3"/>
        <charset val="128"/>
      </rPr>
      <t>機械加工用途の鋼材中</t>
    </r>
    <r>
      <rPr>
        <sz val="11"/>
        <rFont val="Arial"/>
        <family val="2"/>
      </rPr>
      <t>0.35wt%</t>
    </r>
    <r>
      <rPr>
        <sz val="11"/>
        <rFont val="ＭＳ Ｐゴシック"/>
        <family val="3"/>
        <charset val="128"/>
      </rPr>
      <t>未満</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Used less than 0.35% by weight in steel alloy for machining purposes [Under deliberation for exemption renewal in EU]*2</t>
    </r>
    <phoneticPr fontId="7"/>
  </si>
  <si>
    <r>
      <t xml:space="preserve">(c) </t>
    </r>
    <r>
      <rPr>
        <sz val="11"/>
        <rFont val="ＭＳ Ｐゴシック"/>
        <family val="3"/>
        <charset val="128"/>
      </rPr>
      <t>銅材中</t>
    </r>
    <r>
      <rPr>
        <sz val="11"/>
        <rFont val="Arial"/>
        <family val="2"/>
      </rPr>
      <t>4wt%</t>
    </r>
    <r>
      <rPr>
        <sz val="11"/>
        <rFont val="ＭＳ Ｐゴシック"/>
        <family val="3"/>
        <charset val="128"/>
      </rPr>
      <t>未満</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Used less than 4% by weight in copper alloy [Under deliberation for exemption renewal in EU]*2</t>
    </r>
    <phoneticPr fontId="7"/>
  </si>
  <si>
    <r>
      <rPr>
        <sz val="11"/>
        <rFont val="ＭＳ Ｐゴシック"/>
        <family val="3"/>
        <charset val="128"/>
      </rPr>
      <t>下記基準の少なくとも一つが当てはまる場合の集積回路パッケージ（フリップチップ）内部における半導体ダイとキャリア間の確実な電気接続のために必要なはんだ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 xml:space="preserve">／
</t>
    </r>
    <r>
      <rPr>
        <sz val="9"/>
        <rFont val="Arial"/>
        <family val="2"/>
      </rPr>
      <t>Lead in solders to complete a viable electrical connection between the semiconductor die and carrier within integrated circuit flip chip packages where at least one of the following criteria applies [Under deliberation for exemption renewal in EU]*2</t>
    </r>
    <phoneticPr fontId="7"/>
  </si>
  <si>
    <r>
      <t>(a) 90</t>
    </r>
    <r>
      <rPr>
        <sz val="11"/>
        <rFont val="ＭＳ Ｐゴシック"/>
        <family val="3"/>
        <charset val="128"/>
      </rPr>
      <t>ナノメートル半導体テクノロジーノード以上の大きさ／</t>
    </r>
    <r>
      <rPr>
        <sz val="9"/>
        <rFont val="Arial"/>
        <family val="2"/>
      </rPr>
      <t>A semiconductor technology node of 90 nm or larger</t>
    </r>
    <phoneticPr fontId="7"/>
  </si>
  <si>
    <r>
      <t xml:space="preserve">(b) </t>
    </r>
    <r>
      <rPr>
        <sz val="11"/>
        <rFont val="ＭＳ Ｐゴシック"/>
        <family val="3"/>
        <charset val="128"/>
      </rPr>
      <t>いかなる半導体テクノロジーノードにおいても単一ダイサイズが</t>
    </r>
    <r>
      <rPr>
        <sz val="11"/>
        <rFont val="Arial"/>
        <family val="2"/>
      </rPr>
      <t>300mm2</t>
    </r>
    <r>
      <rPr>
        <sz val="11"/>
        <rFont val="ＭＳ Ｐゴシック"/>
        <family val="3"/>
        <charset val="128"/>
      </rPr>
      <t xml:space="preserve">以上／
</t>
    </r>
    <r>
      <rPr>
        <sz val="11"/>
        <rFont val="Arial"/>
        <family val="2"/>
      </rPr>
      <t xml:space="preserve">    </t>
    </r>
    <r>
      <rPr>
        <sz val="9"/>
        <rFont val="Arial"/>
        <family val="2"/>
      </rPr>
      <t>A single die of 300 mm2 or larger in any semiconductor technology node</t>
    </r>
    <phoneticPr fontId="7"/>
  </si>
  <si>
    <r>
      <t>(c) 300mm2</t>
    </r>
    <r>
      <rPr>
        <sz val="11"/>
        <rFont val="ＭＳ Ｐゴシック"/>
        <family val="3"/>
        <charset val="128"/>
      </rPr>
      <t>以上のダイ、または</t>
    </r>
    <r>
      <rPr>
        <sz val="11"/>
        <rFont val="Arial"/>
        <family val="2"/>
      </rPr>
      <t>300mm2</t>
    </r>
    <r>
      <rPr>
        <sz val="11"/>
        <rFont val="ＭＳ Ｐゴシック"/>
        <family val="3"/>
        <charset val="128"/>
      </rPr>
      <t>以上のシリコンのインターポーザーを有するスタック型ダイパッケージ／</t>
    </r>
    <r>
      <rPr>
        <sz val="9"/>
        <rFont val="Arial"/>
        <family val="2"/>
      </rPr>
      <t>Stacked die packages with die of 300 mm2 or larger, or silicon interposers of 300 mm2 or larger</t>
    </r>
    <phoneticPr fontId="7"/>
  </si>
  <si>
    <r>
      <rPr>
        <sz val="11"/>
        <rFont val="ＭＳ Ｐゴシック"/>
        <family val="3"/>
        <charset val="128"/>
      </rPr>
      <t>イオン着色された光学フィルターガラス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rPr>
        <sz val="11"/>
        <rFont val="ＭＳ Ｐゴシック"/>
        <family val="3"/>
        <charset val="128"/>
      </rPr>
      <t>反射標準物質用のグレーズ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t>AC125V</t>
    </r>
    <r>
      <rPr>
        <sz val="11"/>
        <rFont val="ＭＳ Ｐゴシック"/>
        <family val="3"/>
        <charset val="128"/>
      </rPr>
      <t>又は</t>
    </r>
    <r>
      <rPr>
        <sz val="11"/>
        <rFont val="Arial"/>
        <family val="2"/>
      </rPr>
      <t>DC250V</t>
    </r>
    <r>
      <rPr>
        <sz val="11"/>
        <rFont val="ＭＳ Ｐゴシック"/>
        <family val="3"/>
        <charset val="128"/>
      </rPr>
      <t>又はそれ以上の定格電圧のキャパシターに使用する誘電セラミック中に使用されている</t>
    </r>
    <r>
      <rPr>
        <sz val="11"/>
        <rFont val="Arial"/>
        <family val="2"/>
      </rPr>
      <t xml:space="preserve"> </t>
    </r>
    <r>
      <rPr>
        <sz val="11"/>
        <rFont val="ＭＳ Ｐゴシック"/>
        <family val="3"/>
        <charset val="128"/>
      </rPr>
      <t>［</t>
    </r>
    <r>
      <rPr>
        <sz val="11"/>
        <rFont val="Arial"/>
        <family val="2"/>
      </rPr>
      <t>EU</t>
    </r>
    <r>
      <rPr>
        <sz val="11"/>
        <rFont val="ＭＳ Ｐゴシック"/>
        <family val="3"/>
        <charset val="128"/>
      </rPr>
      <t>適用除外更新審議中］</t>
    </r>
    <r>
      <rPr>
        <sz val="11"/>
        <rFont val="Arial"/>
        <family val="2"/>
      </rPr>
      <t>*2</t>
    </r>
    <r>
      <rPr>
        <sz val="11"/>
        <rFont val="ＭＳ Ｐゴシック"/>
        <family val="3"/>
        <charset val="128"/>
      </rPr>
      <t>／</t>
    </r>
    <phoneticPr fontId="7"/>
  </si>
  <si>
    <r>
      <t>EU RoHS</t>
    </r>
    <r>
      <rPr>
        <sz val="11"/>
        <rFont val="ＭＳ Ｐゴシック"/>
        <family val="3"/>
        <charset val="128"/>
      </rPr>
      <t>指令</t>
    </r>
    <r>
      <rPr>
        <sz val="11"/>
        <rFont val="Arial"/>
        <family val="2"/>
      </rPr>
      <t xml:space="preserve"> </t>
    </r>
    <r>
      <rPr>
        <sz val="11"/>
        <rFont val="ＭＳ Ｐゴシック"/>
        <family val="3"/>
        <charset val="128"/>
      </rPr>
      <t>附属書</t>
    </r>
    <r>
      <rPr>
        <sz val="9"/>
        <rFont val="Arial"/>
        <family val="2"/>
      </rPr>
      <t>No.</t>
    </r>
    <r>
      <rPr>
        <sz val="11"/>
        <rFont val="ＭＳ Ｐゴシック"/>
        <family val="3"/>
        <charset val="128"/>
      </rPr>
      <t>／</t>
    </r>
    <r>
      <rPr>
        <sz val="9"/>
        <rFont val="Arial"/>
        <family val="2"/>
      </rPr>
      <t>EU RoHS directive Annex No. :</t>
    </r>
    <phoneticPr fontId="7"/>
  </si>
  <si>
    <r>
      <rPr>
        <sz val="11"/>
        <color theme="1"/>
        <rFont val="ＭＳ Ｐゴシック"/>
        <family val="3"/>
        <charset val="128"/>
      </rPr>
      <t>水銀及びその化合物／</t>
    </r>
    <r>
      <rPr>
        <sz val="11"/>
        <color theme="1"/>
        <rFont val="Arial"/>
        <family val="2"/>
      </rPr>
      <t>Mercury and its compound</t>
    </r>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6</t>
    </r>
    <r>
      <rPr>
        <sz val="11"/>
        <rFont val="ＭＳ Ｐゴシック"/>
        <family val="3"/>
        <charset val="128"/>
      </rPr>
      <t>）以外のものに使用されている／</t>
    </r>
    <phoneticPr fontId="7"/>
  </si>
  <si>
    <r>
      <t>EU RoHS</t>
    </r>
    <r>
      <rPr>
        <sz val="11"/>
        <rFont val="ＭＳ Ｐゴシック"/>
        <family val="3"/>
        <charset val="128"/>
      </rPr>
      <t>指令（</t>
    </r>
    <r>
      <rPr>
        <sz val="11"/>
        <rFont val="Arial"/>
        <family val="2"/>
      </rPr>
      <t>2011/65/EU</t>
    </r>
    <r>
      <rPr>
        <sz val="11"/>
        <rFont val="ＭＳ Ｐゴシック"/>
        <family val="3"/>
        <charset val="128"/>
      </rPr>
      <t>）附属書</t>
    </r>
    <r>
      <rPr>
        <sz val="11"/>
        <rFont val="Arial"/>
        <family val="2"/>
      </rPr>
      <t>III</t>
    </r>
    <r>
      <rPr>
        <sz val="11"/>
        <rFont val="ＭＳ Ｐゴシック"/>
        <family val="3"/>
        <charset val="128"/>
      </rPr>
      <t>の</t>
    </r>
    <r>
      <rPr>
        <sz val="11"/>
        <rFont val="Arial"/>
        <family val="2"/>
      </rPr>
      <t xml:space="preserve">4(f)-I </t>
    </r>
    <r>
      <rPr>
        <sz val="11"/>
        <rFont val="ＭＳ Ｐゴシック"/>
        <family val="3"/>
        <charset val="128"/>
      </rPr>
      <t>に定められている特殊用途放電ランプに使用されている</t>
    </r>
    <r>
      <rPr>
        <sz val="11"/>
        <rFont val="Arial"/>
        <family val="2"/>
      </rPr>
      <t xml:space="preserve"> </t>
    </r>
    <r>
      <rPr>
        <sz val="11"/>
        <rFont val="ＭＳ Ｐゴシック"/>
        <family val="3"/>
        <charset val="128"/>
      </rPr>
      <t>［</t>
    </r>
    <r>
      <rPr>
        <sz val="11"/>
        <rFont val="Arial"/>
        <family val="2"/>
      </rPr>
      <t>2024</t>
    </r>
    <r>
      <rPr>
        <sz val="11"/>
        <rFont val="ＭＳ Ｐゴシック"/>
        <family val="3"/>
        <charset val="128"/>
      </rPr>
      <t>年</t>
    </r>
    <r>
      <rPr>
        <sz val="11"/>
        <rFont val="Arial"/>
        <family val="2"/>
      </rPr>
      <t>8</t>
    </r>
    <r>
      <rPr>
        <sz val="11"/>
        <rFont val="ＭＳ Ｐゴシック"/>
        <family val="3"/>
        <charset val="128"/>
      </rPr>
      <t>月</t>
    </r>
    <r>
      <rPr>
        <sz val="11"/>
        <rFont val="Arial"/>
        <family val="2"/>
      </rPr>
      <t>24</t>
    </r>
    <r>
      <rPr>
        <sz val="11"/>
        <rFont val="ＭＳ Ｐゴシック"/>
        <family val="3"/>
        <charset val="128"/>
      </rPr>
      <t>日以降使用禁止］／</t>
    </r>
    <phoneticPr fontId="7"/>
  </si>
  <si>
    <r>
      <t>2000 ANSI</t>
    </r>
    <r>
      <rPr>
        <sz val="11"/>
        <rFont val="ＭＳ Ｐゴシック"/>
        <family val="3"/>
        <charset val="128"/>
      </rPr>
      <t>ルーメン以上の出力が必要なプロジェクタに使用される高圧水銀蒸気ランプ中の水銀</t>
    </r>
    <r>
      <rPr>
        <sz val="11"/>
        <rFont val="Arial"/>
        <family val="2"/>
      </rPr>
      <t xml:space="preserve"> </t>
    </r>
    <r>
      <rPr>
        <sz val="11"/>
        <rFont val="ＭＳ Ｐゴシック"/>
        <family val="3"/>
        <charset val="128"/>
      </rPr>
      <t>［</t>
    </r>
    <r>
      <rPr>
        <sz val="11"/>
        <rFont val="Arial"/>
        <family val="2"/>
      </rPr>
      <t>2026</t>
    </r>
    <r>
      <rPr>
        <sz val="11"/>
        <rFont val="ＭＳ Ｐゴシック"/>
        <family val="3"/>
        <charset val="128"/>
      </rPr>
      <t>年</t>
    </r>
    <r>
      <rPr>
        <sz val="11"/>
        <rFont val="Arial"/>
        <family val="2"/>
      </rPr>
      <t>8</t>
    </r>
    <r>
      <rPr>
        <sz val="11"/>
        <rFont val="ＭＳ Ｐゴシック"/>
        <family val="3"/>
        <charset val="128"/>
      </rPr>
      <t>月</t>
    </r>
    <r>
      <rPr>
        <sz val="11"/>
        <rFont val="Arial"/>
        <family val="2"/>
      </rPr>
      <t>24</t>
    </r>
    <r>
      <rPr>
        <sz val="11"/>
        <rFont val="ＭＳ Ｐゴシック"/>
        <family val="3"/>
        <charset val="128"/>
      </rPr>
      <t>日以降使用禁止］／</t>
    </r>
    <phoneticPr fontId="7"/>
  </si>
  <si>
    <r>
      <t xml:space="preserve">Mercury in high pressure mercury vapour lamps used in projectors where an output </t>
    </r>
    <r>
      <rPr>
        <sz val="9"/>
        <rFont val="ＭＳ Ｐゴシック"/>
        <family val="3"/>
        <charset val="128"/>
      </rPr>
      <t>≥</t>
    </r>
    <r>
      <rPr>
        <sz val="9"/>
        <rFont val="Arial"/>
        <family val="2"/>
      </rPr>
      <t> 2000 lumen ANSI is required  [Expires on 24 Aug. 2026]</t>
    </r>
    <phoneticPr fontId="7"/>
  </si>
  <si>
    <r>
      <rPr>
        <sz val="11"/>
        <rFont val="ＭＳ Ｐゴシック"/>
        <family val="3"/>
        <charset val="128"/>
      </rPr>
      <t>紫外スペクトルの光を放射するランプ中の水銀［</t>
    </r>
    <r>
      <rPr>
        <sz val="11"/>
        <rFont val="Arial"/>
        <family val="2"/>
      </rPr>
      <t>2026</t>
    </r>
    <r>
      <rPr>
        <sz val="11"/>
        <rFont val="ＭＳ Ｐゴシック"/>
        <family val="3"/>
        <charset val="128"/>
      </rPr>
      <t>年</t>
    </r>
    <r>
      <rPr>
        <sz val="11"/>
        <rFont val="Arial"/>
        <family val="2"/>
      </rPr>
      <t>8</t>
    </r>
    <r>
      <rPr>
        <sz val="11"/>
        <rFont val="ＭＳ Ｐゴシック"/>
        <family val="3"/>
        <charset val="128"/>
      </rPr>
      <t>月</t>
    </r>
    <r>
      <rPr>
        <sz val="11"/>
        <rFont val="Arial"/>
        <family val="2"/>
      </rPr>
      <t>24</t>
    </r>
    <r>
      <rPr>
        <sz val="11"/>
        <rFont val="ＭＳ Ｐゴシック"/>
        <family val="3"/>
        <charset val="128"/>
      </rPr>
      <t>日以降使用禁止］／</t>
    </r>
    <phoneticPr fontId="7"/>
  </si>
  <si>
    <r>
      <rPr>
        <sz val="11"/>
        <rFont val="ＭＳ Ｐゴシック"/>
        <family val="3"/>
        <charset val="128"/>
      </rPr>
      <t>フタル酸ジ（</t>
    </r>
    <r>
      <rPr>
        <sz val="11"/>
        <rFont val="Arial"/>
        <family val="2"/>
      </rPr>
      <t>2-</t>
    </r>
    <r>
      <rPr>
        <sz val="11"/>
        <rFont val="ＭＳ Ｐゴシック"/>
        <family val="3"/>
        <charset val="128"/>
      </rPr>
      <t>エチルヘキシル）（</t>
    </r>
    <r>
      <rPr>
        <sz val="11"/>
        <rFont val="Arial"/>
        <family val="2"/>
      </rPr>
      <t>DEHP</t>
    </r>
    <r>
      <rPr>
        <sz val="11"/>
        <rFont val="ＭＳ Ｐゴシック"/>
        <family val="3"/>
        <charset val="128"/>
      </rPr>
      <t>）、フタル酸ジブチル（</t>
    </r>
    <r>
      <rPr>
        <sz val="11"/>
        <rFont val="Arial"/>
        <family val="2"/>
      </rPr>
      <t>DBP</t>
    </r>
    <r>
      <rPr>
        <sz val="11"/>
        <rFont val="ＭＳ Ｐゴシック"/>
        <family val="3"/>
        <charset val="128"/>
      </rPr>
      <t>）、フタル酸ブチルベンジル（</t>
    </r>
    <r>
      <rPr>
        <sz val="11"/>
        <rFont val="Arial"/>
        <family val="2"/>
      </rPr>
      <t>BBP</t>
    </r>
    <r>
      <rPr>
        <sz val="11"/>
        <rFont val="ＭＳ Ｐゴシック"/>
        <family val="3"/>
        <charset val="128"/>
      </rPr>
      <t>）、フタル酸ジイソブチル（</t>
    </r>
    <r>
      <rPr>
        <sz val="11"/>
        <rFont val="Arial"/>
        <family val="2"/>
      </rPr>
      <t>DIBP</t>
    </r>
    <r>
      <rPr>
        <sz val="11"/>
        <rFont val="ＭＳ Ｐゴシック"/>
        <family val="3"/>
        <charset val="128"/>
      </rPr>
      <t>）／</t>
    </r>
    <phoneticPr fontId="7"/>
  </si>
  <si>
    <r>
      <rPr>
        <sz val="11"/>
        <rFont val="ＭＳ Ｐゴシック"/>
        <family val="3"/>
        <charset val="128"/>
      </rPr>
      <t>「</t>
    </r>
    <r>
      <rPr>
        <sz val="11"/>
        <rFont val="Arial"/>
        <family val="2"/>
      </rPr>
      <t>EU RoHS</t>
    </r>
    <r>
      <rPr>
        <sz val="11"/>
        <rFont val="ＭＳ Ｐゴシック"/>
        <family val="3"/>
        <charset val="128"/>
      </rPr>
      <t>指令の規制対象」且つ「玩具または育児用</t>
    </r>
    <r>
      <rPr>
        <sz val="11"/>
        <rFont val="Arial"/>
        <family val="2"/>
      </rPr>
      <t xml:space="preserve"> </t>
    </r>
    <r>
      <rPr>
        <sz val="11"/>
        <rFont val="ＭＳ Ｐゴシック"/>
        <family val="3"/>
        <charset val="128"/>
      </rPr>
      <t>以外」の製品に使用される部品・部材において、</t>
    </r>
    <r>
      <rPr>
        <sz val="11"/>
        <rFont val="Arial"/>
        <family val="2"/>
      </rPr>
      <t>DEHP</t>
    </r>
    <r>
      <rPr>
        <sz val="11"/>
        <rFont val="ＭＳ Ｐゴシック"/>
        <family val="3"/>
        <charset val="128"/>
      </rPr>
      <t>、</t>
    </r>
    <r>
      <rPr>
        <sz val="11"/>
        <rFont val="Arial"/>
        <family val="2"/>
      </rPr>
      <t>DBP</t>
    </r>
    <r>
      <rPr>
        <sz val="11"/>
        <rFont val="ＭＳ Ｐゴシック"/>
        <family val="3"/>
        <charset val="128"/>
      </rPr>
      <t>、</t>
    </r>
    <r>
      <rPr>
        <sz val="11"/>
        <rFont val="Arial"/>
        <family val="2"/>
      </rPr>
      <t>BBP</t>
    </r>
    <r>
      <rPr>
        <sz val="11"/>
        <rFont val="ＭＳ Ｐゴシック"/>
        <family val="3"/>
        <charset val="128"/>
      </rPr>
      <t>、</t>
    </r>
    <r>
      <rPr>
        <sz val="11"/>
        <rFont val="Arial"/>
        <family val="2"/>
      </rPr>
      <t>DIBP</t>
    </r>
    <r>
      <rPr>
        <sz val="11"/>
        <rFont val="ＭＳ Ｐゴシック"/>
        <family val="3"/>
        <charset val="128"/>
      </rPr>
      <t>が、個々に</t>
    </r>
    <r>
      <rPr>
        <sz val="11"/>
        <rFont val="Arial"/>
        <family val="2"/>
      </rPr>
      <t>1000ppm</t>
    </r>
    <r>
      <rPr>
        <sz val="11"/>
        <rFont val="ＭＳ Ｐゴシック"/>
        <family val="3"/>
        <charset val="128"/>
      </rPr>
      <t>以下の含有である／</t>
    </r>
    <phoneticPr fontId="7"/>
  </si>
  <si>
    <r>
      <t>*1) EU RoHS</t>
    </r>
    <r>
      <rPr>
        <b/>
        <sz val="8"/>
        <color theme="1"/>
        <rFont val="ＭＳ Ｐゴシック"/>
        <family val="3"/>
        <charset val="128"/>
      </rPr>
      <t>指令（</t>
    </r>
    <r>
      <rPr>
        <b/>
        <sz val="8"/>
        <color theme="1"/>
        <rFont val="Arial"/>
        <family val="2"/>
      </rPr>
      <t>2011/65/EU</t>
    </r>
    <r>
      <rPr>
        <b/>
        <sz val="8"/>
        <color theme="1"/>
        <rFont val="ＭＳ Ｐゴシック"/>
        <family val="3"/>
        <charset val="128"/>
      </rPr>
      <t>）附属書</t>
    </r>
    <r>
      <rPr>
        <b/>
        <sz val="8"/>
        <color theme="1"/>
        <rFont val="Arial"/>
        <family val="2"/>
      </rPr>
      <t>III</t>
    </r>
    <r>
      <rPr>
        <b/>
        <sz val="8"/>
        <color theme="1"/>
        <rFont val="ＭＳ Ｐゴシック"/>
        <family val="3"/>
        <charset val="128"/>
      </rPr>
      <t>における適用除外用途番号です／</t>
    </r>
    <phoneticPr fontId="7"/>
  </si>
  <si>
    <r>
      <t>B.</t>
    </r>
    <r>
      <rPr>
        <b/>
        <sz val="12"/>
        <color theme="1"/>
        <rFont val="ＭＳ Ｐゴシック"/>
        <family val="3"/>
        <charset val="128"/>
      </rPr>
      <t>その他／</t>
    </r>
    <r>
      <rPr>
        <b/>
        <sz val="9"/>
        <color theme="1"/>
        <rFont val="Arial"/>
        <family val="2"/>
      </rPr>
      <t>Others</t>
    </r>
    <phoneticPr fontId="7"/>
  </si>
  <si>
    <r>
      <rPr>
        <sz val="11"/>
        <color theme="1"/>
        <rFont val="ＭＳ Ｐゴシック"/>
        <family val="3"/>
        <charset val="128"/>
      </rPr>
      <t>トリブチルスズ</t>
    </r>
    <r>
      <rPr>
        <sz val="11"/>
        <color theme="1"/>
        <rFont val="Arial"/>
        <family val="2"/>
      </rPr>
      <t>=</t>
    </r>
    <r>
      <rPr>
        <sz val="11"/>
        <color theme="1"/>
        <rFont val="ＭＳ Ｐゴシック"/>
        <family val="3"/>
        <charset val="128"/>
      </rPr>
      <t>オキシド（</t>
    </r>
    <r>
      <rPr>
        <sz val="11"/>
        <color theme="1"/>
        <rFont val="Arial"/>
        <family val="2"/>
      </rPr>
      <t>TBTO</t>
    </r>
    <r>
      <rPr>
        <sz val="11"/>
        <color theme="1"/>
        <rFont val="ＭＳ Ｐゴシック"/>
        <family val="3"/>
        <charset val="128"/>
      </rPr>
      <t>）／</t>
    </r>
    <phoneticPr fontId="7"/>
  </si>
  <si>
    <r>
      <rPr>
        <sz val="11"/>
        <color theme="1"/>
        <rFont val="ＭＳ Ｐゴシック"/>
        <family val="3"/>
        <charset val="128"/>
      </rPr>
      <t>三置換有機スズ化合物／</t>
    </r>
    <phoneticPr fontId="7"/>
  </si>
  <si>
    <r>
      <rPr>
        <sz val="11"/>
        <color theme="1"/>
        <rFont val="ＭＳ Ｐゴシック"/>
        <family val="3"/>
        <charset val="128"/>
      </rPr>
      <t>ポリ塩化ビフェニル類（</t>
    </r>
    <r>
      <rPr>
        <sz val="11"/>
        <color theme="1"/>
        <rFont val="Arial"/>
        <family val="2"/>
      </rPr>
      <t>PCB</t>
    </r>
    <r>
      <rPr>
        <sz val="11"/>
        <color theme="1"/>
        <rFont val="ＭＳ Ｐゴシック"/>
        <family val="3"/>
        <charset val="128"/>
      </rPr>
      <t>類）、及び特定代替物質／</t>
    </r>
    <phoneticPr fontId="7"/>
  </si>
  <si>
    <r>
      <rPr>
        <sz val="11"/>
        <rFont val="ＭＳ Ｐゴシック"/>
        <family val="3"/>
        <charset val="128"/>
      </rPr>
      <t>ポリ塩化ナフタレン／</t>
    </r>
    <phoneticPr fontId="8"/>
  </si>
  <si>
    <r>
      <t>2-</t>
    </r>
    <r>
      <rPr>
        <sz val="11"/>
        <color theme="1"/>
        <rFont val="ＭＳ Ｐゴシック"/>
        <family val="3"/>
        <charset val="128"/>
      </rPr>
      <t>（</t>
    </r>
    <r>
      <rPr>
        <sz val="11"/>
        <color theme="1"/>
        <rFont val="Arial"/>
        <family val="2"/>
      </rPr>
      <t>2H-1,2,3-</t>
    </r>
    <r>
      <rPr>
        <sz val="11"/>
        <color theme="1"/>
        <rFont val="ＭＳ Ｐゴシック"/>
        <family val="3"/>
        <charset val="128"/>
      </rPr>
      <t>ベンゾ</t>
    </r>
    <r>
      <rPr>
        <sz val="11"/>
        <color theme="1"/>
        <rFont val="Arial"/>
        <family val="2"/>
      </rPr>
      <t xml:space="preserve"> </t>
    </r>
    <r>
      <rPr>
        <sz val="11"/>
        <color theme="1"/>
        <rFont val="ＭＳ Ｐゴシック"/>
        <family val="3"/>
        <charset val="128"/>
      </rPr>
      <t>トリアゾール</t>
    </r>
    <r>
      <rPr>
        <sz val="11"/>
        <color theme="1"/>
        <rFont val="Arial"/>
        <family val="2"/>
      </rPr>
      <t>-2-</t>
    </r>
    <r>
      <rPr>
        <sz val="11"/>
        <color theme="1"/>
        <rFont val="ＭＳ Ｐゴシック"/>
        <family val="3"/>
        <charset val="128"/>
      </rPr>
      <t>イル）</t>
    </r>
    <r>
      <rPr>
        <sz val="11"/>
        <color theme="1"/>
        <rFont val="Arial"/>
        <family val="2"/>
      </rPr>
      <t>-4,6-</t>
    </r>
    <r>
      <rPr>
        <sz val="11"/>
        <color theme="1"/>
        <rFont val="ＭＳ Ｐゴシック"/>
        <family val="3"/>
        <charset val="128"/>
      </rPr>
      <t>ジ</t>
    </r>
    <r>
      <rPr>
        <sz val="11"/>
        <color theme="1"/>
        <rFont val="Arial"/>
        <family val="2"/>
      </rPr>
      <t>-tert-</t>
    </r>
    <r>
      <rPr>
        <sz val="11"/>
        <color theme="1"/>
        <rFont val="ＭＳ Ｐゴシック"/>
        <family val="3"/>
        <charset val="128"/>
      </rPr>
      <t>ブチルフェノール／</t>
    </r>
    <phoneticPr fontId="7"/>
  </si>
  <si>
    <r>
      <rPr>
        <sz val="11"/>
        <rFont val="ＭＳ Ｐゴシック"/>
        <family val="3"/>
        <charset val="128"/>
      </rPr>
      <t>意図的に添加せず、かつ</t>
    </r>
    <r>
      <rPr>
        <sz val="11"/>
        <rFont val="Arial"/>
        <family val="2"/>
      </rPr>
      <t>100ppm</t>
    </r>
    <r>
      <rPr>
        <sz val="11"/>
        <rFont val="ＭＳ Ｐゴシック"/>
        <family val="3"/>
        <charset val="128"/>
      </rPr>
      <t>以下の含有である／</t>
    </r>
    <phoneticPr fontId="7"/>
  </si>
  <si>
    <r>
      <rPr>
        <sz val="11"/>
        <rFont val="ＭＳ Ｐゴシック"/>
        <family val="3"/>
        <charset val="128"/>
      </rPr>
      <t>意図的に添加せず、かつ</t>
    </r>
    <r>
      <rPr>
        <sz val="11"/>
        <rFont val="Arial"/>
        <family val="2"/>
      </rPr>
      <t>0.1ppm</t>
    </r>
    <r>
      <rPr>
        <sz val="11"/>
        <rFont val="ＭＳ Ｐゴシック"/>
        <family val="3"/>
        <charset val="128"/>
      </rPr>
      <t>以下の含有である／</t>
    </r>
    <phoneticPr fontId="7"/>
  </si>
  <si>
    <r>
      <rPr>
        <sz val="11"/>
        <rFont val="ＭＳ Ｐゴシック"/>
        <family val="3"/>
        <charset val="128"/>
      </rPr>
      <t>ジルコニアアルミノ珪酸塩、耐火セラミック繊維／</t>
    </r>
    <phoneticPr fontId="7"/>
  </si>
  <si>
    <r>
      <rPr>
        <sz val="11"/>
        <rFont val="ＭＳ Ｐゴシック"/>
        <family val="3"/>
        <charset val="128"/>
      </rPr>
      <t>炭素数が</t>
    </r>
    <r>
      <rPr>
        <sz val="11"/>
        <rFont val="Arial"/>
        <family val="2"/>
      </rPr>
      <t>9</t>
    </r>
    <r>
      <rPr>
        <sz val="11"/>
        <rFont val="ＭＳ Ｐゴシック"/>
        <family val="3"/>
        <charset val="128"/>
      </rPr>
      <t>から</t>
    </r>
    <r>
      <rPr>
        <sz val="11"/>
        <rFont val="Arial"/>
        <family val="2"/>
      </rPr>
      <t>14</t>
    </r>
    <r>
      <rPr>
        <sz val="11"/>
        <rFont val="ＭＳ Ｐゴシック"/>
        <family val="3"/>
        <charset val="128"/>
      </rPr>
      <t>のパーフルオロカルボン酸（</t>
    </r>
    <r>
      <rPr>
        <sz val="11"/>
        <rFont val="Arial"/>
        <family val="2"/>
      </rPr>
      <t>C9-C14 PFCAs</t>
    </r>
    <r>
      <rPr>
        <sz val="11"/>
        <rFont val="ＭＳ Ｐゴシック"/>
        <family val="3"/>
        <charset val="128"/>
      </rPr>
      <t>）とその塩および</t>
    </r>
    <r>
      <rPr>
        <sz val="11"/>
        <rFont val="Arial"/>
        <family val="2"/>
      </rPr>
      <t>C9-C14 PFCA</t>
    </r>
    <r>
      <rPr>
        <sz val="11"/>
        <rFont val="ＭＳ Ｐゴシック"/>
        <family val="3"/>
        <charset val="128"/>
      </rPr>
      <t>関連物質／</t>
    </r>
    <phoneticPr fontId="7"/>
  </si>
  <si>
    <r>
      <rPr>
        <sz val="11"/>
        <color theme="1"/>
        <rFont val="ＭＳ Ｐゴシック"/>
        <family val="3"/>
        <charset val="128"/>
      </rPr>
      <t>アゾ染料・顔料／</t>
    </r>
    <phoneticPr fontId="7"/>
  </si>
  <si>
    <r>
      <rPr>
        <sz val="11"/>
        <color theme="1"/>
        <rFont val="ＭＳ Ｐゴシック"/>
        <family val="3"/>
        <charset val="128"/>
      </rPr>
      <t>ポリ塩化ビニル及びそのコポリマー／</t>
    </r>
    <phoneticPr fontId="7"/>
  </si>
  <si>
    <r>
      <rPr>
        <sz val="11"/>
        <color theme="1"/>
        <rFont val="ＭＳ Ｐゴシック"/>
        <family val="3"/>
        <charset val="128"/>
      </rPr>
      <t>放射性物質／</t>
    </r>
    <phoneticPr fontId="7"/>
  </si>
  <si>
    <r>
      <rPr>
        <sz val="11"/>
        <rFont val="ＭＳ Ｐゴシック"/>
        <family val="3"/>
        <charset val="128"/>
      </rPr>
      <t>ジオクチルスズ化合物</t>
    </r>
    <r>
      <rPr>
        <sz val="11"/>
        <rFont val="Arial"/>
        <family val="2"/>
      </rPr>
      <t xml:space="preserve"> </t>
    </r>
    <r>
      <rPr>
        <sz val="11"/>
        <rFont val="ＭＳ Ｐゴシック"/>
        <family val="3"/>
        <charset val="128"/>
      </rPr>
      <t>（</t>
    </r>
    <r>
      <rPr>
        <sz val="11"/>
        <rFont val="Arial"/>
        <family val="2"/>
      </rPr>
      <t>DOT</t>
    </r>
    <r>
      <rPr>
        <sz val="11"/>
        <rFont val="ＭＳ Ｐゴシック"/>
        <family val="3"/>
        <charset val="128"/>
      </rPr>
      <t>）／</t>
    </r>
    <phoneticPr fontId="7"/>
  </si>
  <si>
    <r>
      <rPr>
        <sz val="11"/>
        <rFont val="ＭＳ Ｐゴシック"/>
        <family val="3"/>
        <charset val="128"/>
      </rPr>
      <t>多環芳香族炭化水素（</t>
    </r>
    <r>
      <rPr>
        <sz val="11"/>
        <rFont val="Arial"/>
        <family val="2"/>
      </rPr>
      <t>PAH</t>
    </r>
    <r>
      <rPr>
        <sz val="11"/>
        <rFont val="ＭＳ Ｐゴシック"/>
        <family val="3"/>
        <charset val="128"/>
      </rPr>
      <t>）／</t>
    </r>
    <phoneticPr fontId="7"/>
  </si>
  <si>
    <r>
      <t>2,4,6-</t>
    </r>
    <r>
      <rPr>
        <sz val="11"/>
        <rFont val="ＭＳ Ｐゴシック"/>
        <family val="3"/>
        <charset val="128"/>
      </rPr>
      <t>トリ</t>
    </r>
    <r>
      <rPr>
        <sz val="11"/>
        <rFont val="Arial"/>
        <family val="2"/>
      </rPr>
      <t>-tert-</t>
    </r>
    <r>
      <rPr>
        <sz val="11"/>
        <rFont val="ＭＳ Ｐゴシック"/>
        <family val="3"/>
        <charset val="128"/>
      </rPr>
      <t>ブチルフェノール（</t>
    </r>
    <r>
      <rPr>
        <sz val="11"/>
        <rFont val="Arial"/>
        <family val="2"/>
      </rPr>
      <t>2,4,6-TTBP</t>
    </r>
    <r>
      <rPr>
        <sz val="11"/>
        <rFont val="ＭＳ Ｐゴシック"/>
        <family val="3"/>
        <charset val="128"/>
      </rPr>
      <t>）／</t>
    </r>
    <phoneticPr fontId="7"/>
  </si>
  <si>
    <r>
      <t>1,2-</t>
    </r>
    <r>
      <rPr>
        <sz val="11"/>
        <rFont val="ＭＳ Ｐゴシック"/>
        <family val="3"/>
        <charset val="128"/>
      </rPr>
      <t>ビス</t>
    </r>
    <r>
      <rPr>
        <sz val="11"/>
        <rFont val="Arial"/>
        <family val="2"/>
      </rPr>
      <t>(2,3,4,5,6-</t>
    </r>
    <r>
      <rPr>
        <sz val="11"/>
        <rFont val="ＭＳ Ｐゴシック"/>
        <family val="3"/>
        <charset val="128"/>
      </rPr>
      <t>ペンタブロモフェニル</t>
    </r>
    <r>
      <rPr>
        <sz val="11"/>
        <rFont val="Arial"/>
        <family val="2"/>
      </rPr>
      <t>)</t>
    </r>
    <r>
      <rPr>
        <sz val="11"/>
        <rFont val="ＭＳ Ｐゴシック"/>
        <family val="3"/>
        <charset val="128"/>
      </rPr>
      <t>エタン</t>
    </r>
    <r>
      <rPr>
        <sz val="11"/>
        <rFont val="Arial"/>
        <family val="2"/>
      </rPr>
      <t xml:space="preserve"> </t>
    </r>
    <r>
      <rPr>
        <sz val="11"/>
        <rFont val="ＭＳ Ｐゴシック"/>
        <family val="3"/>
        <charset val="128"/>
      </rPr>
      <t>（</t>
    </r>
    <r>
      <rPr>
        <sz val="11"/>
        <rFont val="Arial"/>
        <family val="2"/>
      </rPr>
      <t>DBDPE</t>
    </r>
    <r>
      <rPr>
        <sz val="11"/>
        <rFont val="ＭＳ Ｐゴシック"/>
        <family val="3"/>
        <charset val="128"/>
      </rPr>
      <t>）／</t>
    </r>
    <phoneticPr fontId="7"/>
  </si>
  <si>
    <r>
      <rPr>
        <sz val="11"/>
        <rFont val="ＭＳ Ｐゴシック"/>
        <family val="3"/>
        <charset val="128"/>
      </rPr>
      <t>テトラブロモビスフェノール</t>
    </r>
    <r>
      <rPr>
        <sz val="11"/>
        <rFont val="Arial"/>
        <family val="2"/>
      </rPr>
      <t xml:space="preserve">A </t>
    </r>
    <r>
      <rPr>
        <sz val="11"/>
        <rFont val="ＭＳ Ｐゴシック"/>
        <family val="3"/>
        <charset val="128"/>
      </rPr>
      <t>（</t>
    </r>
    <r>
      <rPr>
        <sz val="11"/>
        <rFont val="Arial"/>
        <family val="2"/>
      </rPr>
      <t>TBBPA</t>
    </r>
    <r>
      <rPr>
        <sz val="11"/>
        <rFont val="ＭＳ Ｐゴシック"/>
        <family val="3"/>
        <charset val="128"/>
      </rPr>
      <t>）／</t>
    </r>
    <phoneticPr fontId="7"/>
  </si>
  <si>
    <r>
      <rPr>
        <sz val="11"/>
        <rFont val="ＭＳ Ｐゴシック"/>
        <family val="3"/>
        <charset val="128"/>
      </rPr>
      <t>中鎖塩素化パラフィン
（</t>
    </r>
    <r>
      <rPr>
        <sz val="11"/>
        <rFont val="Arial"/>
        <family val="2"/>
      </rPr>
      <t>MCCPs</t>
    </r>
    <r>
      <rPr>
        <sz val="11"/>
        <rFont val="ＭＳ Ｐゴシック"/>
        <family val="3"/>
        <charset val="128"/>
      </rPr>
      <t>、</t>
    </r>
    <r>
      <rPr>
        <sz val="11"/>
        <rFont val="Arial"/>
        <family val="2"/>
      </rPr>
      <t>C14-17</t>
    </r>
    <r>
      <rPr>
        <sz val="11"/>
        <rFont val="ＭＳ Ｐゴシック"/>
        <family val="3"/>
        <charset val="128"/>
      </rPr>
      <t>、塩素化率</t>
    </r>
    <r>
      <rPr>
        <sz val="11"/>
        <rFont val="Arial"/>
        <family val="2"/>
      </rPr>
      <t>45wt%</t>
    </r>
    <r>
      <rPr>
        <sz val="11"/>
        <rFont val="ＭＳ Ｐゴシック"/>
        <family val="3"/>
        <charset val="128"/>
      </rPr>
      <t>以上）／</t>
    </r>
    <phoneticPr fontId="7"/>
  </si>
  <si>
    <t xml:space="preserve"> </t>
    <phoneticPr fontId="7"/>
  </si>
  <si>
    <t>- 1/4 -</t>
    <phoneticPr fontId="7"/>
  </si>
  <si>
    <t>- 2/4 -</t>
    <phoneticPr fontId="7"/>
  </si>
  <si>
    <t>- 3/4 -</t>
    <phoneticPr fontId="7"/>
  </si>
  <si>
    <t>- 4/4 -</t>
    <phoneticPr fontId="7"/>
  </si>
  <si>
    <t>1/4</t>
    <phoneticPr fontId="7"/>
  </si>
  <si>
    <t>2/4 ~ 3/4</t>
    <phoneticPr fontId="7"/>
  </si>
  <si>
    <t>Candidate
4/4</t>
    <phoneticPr fontId="7"/>
  </si>
  <si>
    <t>Ver.15.0</t>
    <phoneticPr fontId="7"/>
  </si>
  <si>
    <t>Short chain chlorinated paraffin (SCCP, C:10-13)</t>
    <phoneticPr fontId="7"/>
  </si>
  <si>
    <r>
      <rPr>
        <b/>
        <u/>
        <sz val="10"/>
        <rFont val="ＭＳ Ｐゴシック"/>
        <family val="3"/>
        <charset val="128"/>
      </rPr>
      <t>判定基準の確認結果が「</t>
    </r>
    <r>
      <rPr>
        <b/>
        <u/>
        <sz val="10"/>
        <rFont val="Arial"/>
        <family val="2"/>
      </rPr>
      <t>Not Applicable</t>
    </r>
    <r>
      <rPr>
        <b/>
        <u/>
        <sz val="10"/>
        <rFont val="ＭＳ Ｐゴシック"/>
        <family val="3"/>
        <charset val="128"/>
      </rPr>
      <t>」の場合は、</t>
    </r>
    <r>
      <rPr>
        <b/>
        <u/>
        <sz val="10"/>
        <rFont val="Arial"/>
        <family val="2"/>
      </rPr>
      <t>A2-</t>
    </r>
    <r>
      <rPr>
        <b/>
        <u/>
        <sz val="10"/>
        <rFont val="ＭＳ Ｐゴシック"/>
        <family val="3"/>
        <charset val="128"/>
      </rPr>
      <t>別表にて使用可否の判定を記載し添付いたします／</t>
    </r>
  </si>
  <si>
    <r>
      <rPr>
        <sz val="10"/>
        <rFont val="ＭＳ Ｐゴシック"/>
        <family val="3"/>
        <charset val="128"/>
      </rPr>
      <t>炭素数が</t>
    </r>
    <r>
      <rPr>
        <sz val="10"/>
        <rFont val="Arial"/>
        <family val="2"/>
      </rPr>
      <t>9</t>
    </r>
    <r>
      <rPr>
        <sz val="10"/>
        <rFont val="ＭＳ Ｐゴシック"/>
        <family val="3"/>
        <charset val="128"/>
      </rPr>
      <t>から</t>
    </r>
    <r>
      <rPr>
        <sz val="10"/>
        <rFont val="Arial"/>
        <family val="2"/>
      </rPr>
      <t>14</t>
    </r>
    <r>
      <rPr>
        <sz val="10"/>
        <rFont val="ＭＳ Ｐゴシック"/>
        <family val="3"/>
        <charset val="128"/>
      </rPr>
      <t>のパーフルオロカルボン酸（</t>
    </r>
    <r>
      <rPr>
        <sz val="10"/>
        <rFont val="Arial"/>
        <family val="2"/>
      </rPr>
      <t>C9-C14 PFCAs</t>
    </r>
    <r>
      <rPr>
        <sz val="10"/>
        <rFont val="ＭＳ Ｐゴシック"/>
        <family val="3"/>
        <charset val="128"/>
      </rPr>
      <t>）とその塩および</t>
    </r>
    <r>
      <rPr>
        <sz val="10"/>
        <rFont val="Arial"/>
        <family val="2"/>
      </rPr>
      <t>C9-C14 PFCA</t>
    </r>
    <r>
      <rPr>
        <sz val="10"/>
        <rFont val="ＭＳ Ｐゴシック"/>
        <family val="3"/>
        <charset val="128"/>
      </rPr>
      <t>関連物質</t>
    </r>
  </si>
  <si>
    <r>
      <t>2-(2H-</t>
    </r>
    <r>
      <rPr>
        <sz val="10"/>
        <rFont val="ＭＳ Ｐゴシック"/>
        <family val="3"/>
        <charset val="128"/>
      </rPr>
      <t>ベンゾトリアゾール</t>
    </r>
    <r>
      <rPr>
        <sz val="10"/>
        <rFont val="Arial"/>
        <family val="2"/>
      </rPr>
      <t>-2-</t>
    </r>
    <r>
      <rPr>
        <sz val="10"/>
        <rFont val="ＭＳ Ｐゴシック"/>
        <family val="3"/>
        <charset val="128"/>
      </rPr>
      <t>イル</t>
    </r>
    <r>
      <rPr>
        <sz val="10"/>
        <rFont val="Arial"/>
        <family val="2"/>
      </rPr>
      <t>)-4,6-</t>
    </r>
    <r>
      <rPr>
        <sz val="10"/>
        <rFont val="ＭＳ Ｐゴシック"/>
        <family val="3"/>
        <charset val="128"/>
      </rPr>
      <t>ジ</t>
    </r>
    <r>
      <rPr>
        <sz val="10"/>
        <rFont val="Arial"/>
        <family val="2"/>
      </rPr>
      <t>-tert-</t>
    </r>
    <r>
      <rPr>
        <sz val="10"/>
        <rFont val="ＭＳ Ｐゴシック"/>
        <family val="3"/>
        <charset val="128"/>
      </rPr>
      <t>ペンチルフェノール</t>
    </r>
    <r>
      <rPr>
        <sz val="10"/>
        <rFont val="Arial"/>
        <family val="2"/>
      </rPr>
      <t xml:space="preserve"> </t>
    </r>
    <r>
      <rPr>
        <sz val="10"/>
        <rFont val="ＭＳ Ｐゴシック"/>
        <family val="3"/>
        <charset val="128"/>
      </rPr>
      <t>（</t>
    </r>
    <r>
      <rPr>
        <sz val="10"/>
        <rFont val="Arial"/>
        <family val="2"/>
      </rPr>
      <t>UV-328</t>
    </r>
    <r>
      <rPr>
        <sz val="10"/>
        <rFont val="ＭＳ Ｐゴシック"/>
        <family val="3"/>
        <charset val="128"/>
      </rPr>
      <t>）</t>
    </r>
  </si>
  <si>
    <r>
      <rPr>
        <sz val="10"/>
        <rFont val="ＭＳ Ｐゴシック"/>
        <family val="3"/>
        <charset val="128"/>
      </rPr>
      <t>デクロランプラス並びにその</t>
    </r>
    <r>
      <rPr>
        <sz val="10"/>
        <rFont val="Arial"/>
        <family val="2"/>
      </rPr>
      <t>syn-</t>
    </r>
    <r>
      <rPr>
        <sz val="10"/>
        <rFont val="ＭＳ Ｐゴシック"/>
        <family val="3"/>
        <charset val="128"/>
      </rPr>
      <t>異性体及び</t>
    </r>
    <r>
      <rPr>
        <sz val="10"/>
        <rFont val="Arial"/>
        <family val="2"/>
      </rPr>
      <t>anti-</t>
    </r>
    <r>
      <rPr>
        <sz val="10"/>
        <rFont val="ＭＳ Ｐゴシック"/>
        <family val="3"/>
        <charset val="128"/>
      </rPr>
      <t>異性体</t>
    </r>
  </si>
  <si>
    <r>
      <rPr>
        <sz val="10"/>
        <rFont val="ＭＳ Ｐゴシック"/>
        <family val="3"/>
        <charset val="128"/>
      </rPr>
      <t>ペルフルオロアルキル物質およびポリフルオロアルキル物質</t>
    </r>
    <r>
      <rPr>
        <sz val="10"/>
        <rFont val="Arial"/>
        <family val="2"/>
      </rPr>
      <t xml:space="preserve"> </t>
    </r>
    <r>
      <rPr>
        <sz val="10"/>
        <rFont val="ＭＳ Ｐゴシック"/>
        <family val="3"/>
        <charset val="128"/>
      </rPr>
      <t>（</t>
    </r>
    <r>
      <rPr>
        <sz val="10"/>
        <rFont val="Arial"/>
        <family val="2"/>
      </rPr>
      <t>PFAS</t>
    </r>
    <r>
      <rPr>
        <sz val="10"/>
        <rFont val="ＭＳ Ｐゴシック"/>
        <family val="3"/>
        <charset val="128"/>
      </rPr>
      <t>）</t>
    </r>
  </si>
  <si>
    <t>2-(2H-benzotriazol-2-yl)-4,6-ditertpentylphenol (UV-328)</t>
  </si>
  <si>
    <t>Used in Tri-acetyl cellulose (TAC) film in polarizers.</t>
    <phoneticPr fontId="7"/>
  </si>
  <si>
    <t>Perfluorocarboxylic acids containing 15 to 21 carbon atoms in the chain (C15-C21 PFCAs), their salts and C15-C21 PFCA-related substances</t>
    <phoneticPr fontId="7"/>
  </si>
  <si>
    <t>Content is less than 1000ppm and Not intentionally added.</t>
    <phoneticPr fontId="7"/>
  </si>
  <si>
    <t>The following (1) and (2) are satisfied..
(1) Content is 1000ppm or less in all parts/materials.
(2) In the case of parts/materials used for products other than those regulated by
      the EU RoHS Directive, Content is less than 500ppm in the Mixture or Article.</t>
    <phoneticPr fontId="7"/>
  </si>
  <si>
    <r>
      <rPr>
        <sz val="11"/>
        <rFont val="ＭＳ Ｐゴシック"/>
        <family val="3"/>
        <charset val="128"/>
      </rPr>
      <t>ペルフルオロヘキサンスルホン酸（</t>
    </r>
    <r>
      <rPr>
        <sz val="11"/>
        <rFont val="Arial"/>
        <family val="2"/>
      </rPr>
      <t>PFHxS</t>
    </r>
    <r>
      <rPr>
        <sz val="11"/>
        <rFont val="ＭＳ Ｐゴシック"/>
        <family val="3"/>
        <charset val="128"/>
      </rPr>
      <t>）とその塩および</t>
    </r>
    <r>
      <rPr>
        <sz val="11"/>
        <rFont val="Arial"/>
        <family val="2"/>
      </rPr>
      <t>PFHxS</t>
    </r>
    <r>
      <rPr>
        <sz val="11"/>
        <rFont val="ＭＳ Ｐゴシック"/>
        <family val="3"/>
        <charset val="128"/>
      </rPr>
      <t>関連物質</t>
    </r>
    <phoneticPr fontId="7"/>
  </si>
  <si>
    <t>Not intentionally added.</t>
    <phoneticPr fontId="7"/>
  </si>
  <si>
    <r>
      <rPr>
        <b/>
        <sz val="20"/>
        <rFont val="ＭＳ Ｐゴシック"/>
        <family val="3"/>
        <charset val="128"/>
      </rPr>
      <t>含有化学物質報告書（</t>
    </r>
    <r>
      <rPr>
        <b/>
        <sz val="20"/>
        <rFont val="Arial"/>
        <family val="2"/>
      </rPr>
      <t>ver.15.0</t>
    </r>
    <r>
      <rPr>
        <b/>
        <sz val="20"/>
        <rFont val="ＭＳ Ｐゴシック"/>
        <family val="3"/>
        <charset val="128"/>
      </rPr>
      <t>）／</t>
    </r>
    <phoneticPr fontId="7"/>
  </si>
  <si>
    <t xml:space="preserve">Report on Chemical Substances Contained in the Product (ver.15.0) </t>
    <phoneticPr fontId="7"/>
  </si>
  <si>
    <r>
      <t>A1.</t>
    </r>
    <r>
      <rPr>
        <b/>
        <sz val="11"/>
        <rFont val="ＭＳ Ｐゴシック"/>
        <family val="3"/>
        <charset val="128"/>
      </rPr>
      <t>全面的に使用を禁止する化学物質の製品への含有について／</t>
    </r>
  </si>
  <si>
    <r>
      <t xml:space="preserve">&lt; </t>
    </r>
    <r>
      <rPr>
        <sz val="9"/>
        <rFont val="ＭＳ Ｐゴシック"/>
        <family val="3"/>
        <charset val="128"/>
      </rPr>
      <t>判定基準を満たす／</t>
    </r>
    <r>
      <rPr>
        <sz val="9"/>
        <rFont val="Arial"/>
        <family val="2"/>
      </rPr>
      <t>Meet criteria: "Applicable"</t>
    </r>
    <r>
      <rPr>
        <sz val="9"/>
        <rFont val="ＭＳ Ｐゴシック"/>
        <family val="3"/>
        <charset val="128"/>
      </rPr>
      <t>、満たさない／</t>
    </r>
    <r>
      <rPr>
        <sz val="9"/>
        <rFont val="Arial"/>
        <family val="2"/>
      </rPr>
      <t>Do not meet criteria: "Not Applicable" &gt;</t>
    </r>
  </si>
  <si>
    <r>
      <rPr>
        <sz val="11"/>
        <rFont val="ＭＳ Ｐゴシック"/>
        <family val="3"/>
        <charset val="128"/>
      </rPr>
      <t>六価クロム化合物</t>
    </r>
    <r>
      <rPr>
        <sz val="11"/>
        <rFont val="Arial"/>
        <family val="2"/>
      </rPr>
      <t xml:space="preserve"> *2)</t>
    </r>
    <r>
      <rPr>
        <sz val="11"/>
        <rFont val="ＭＳ Ｐゴシック"/>
        <family val="3"/>
        <charset val="128"/>
      </rPr>
      <t>／</t>
    </r>
    <phoneticPr fontId="7"/>
  </si>
  <si>
    <r>
      <t>1000ppm</t>
    </r>
    <r>
      <rPr>
        <sz val="11"/>
        <rFont val="ＭＳ Ｐゴシック"/>
        <family val="3"/>
        <charset val="128"/>
      </rPr>
      <t>以下の含有である。ただし、皮膚に接触する皮革製品・部品中は、皮革の合計乾燥重量あたり</t>
    </r>
    <r>
      <rPr>
        <sz val="11"/>
        <rFont val="Arial"/>
        <family val="2"/>
      </rPr>
      <t>3ppm</t>
    </r>
    <r>
      <rPr>
        <sz val="11"/>
        <rFont val="ＭＳ Ｐゴシック"/>
        <family val="3"/>
        <charset val="128"/>
      </rPr>
      <t>未満である／</t>
    </r>
    <phoneticPr fontId="7"/>
  </si>
  <si>
    <r>
      <rPr>
        <sz val="11"/>
        <rFont val="ＭＳ Ｐゴシック"/>
        <family val="3"/>
        <charset val="128"/>
      </rPr>
      <t>ポリ臭化ビフェニル類</t>
    </r>
    <r>
      <rPr>
        <sz val="11"/>
        <rFont val="Arial"/>
        <family val="2"/>
      </rPr>
      <t xml:space="preserve"> </t>
    </r>
    <r>
      <rPr>
        <sz val="11"/>
        <rFont val="ＭＳ Ｐゴシック"/>
        <family val="3"/>
        <charset val="128"/>
      </rPr>
      <t>（</t>
    </r>
    <r>
      <rPr>
        <sz val="11"/>
        <rFont val="Arial"/>
        <family val="2"/>
      </rPr>
      <t>PBB</t>
    </r>
    <r>
      <rPr>
        <sz val="11"/>
        <rFont val="ＭＳ Ｐゴシック"/>
        <family val="3"/>
        <charset val="128"/>
      </rPr>
      <t>類）／</t>
    </r>
    <phoneticPr fontId="7"/>
  </si>
  <si>
    <r>
      <t>1000ppm</t>
    </r>
    <r>
      <rPr>
        <sz val="11"/>
        <rFont val="ＭＳ Ｐゴシック"/>
        <family val="3"/>
        <charset val="128"/>
      </rPr>
      <t>以下の含有である／</t>
    </r>
    <phoneticPr fontId="7"/>
  </si>
  <si>
    <r>
      <rPr>
        <sz val="11"/>
        <rFont val="ＭＳ Ｐゴシック"/>
        <family val="3"/>
        <charset val="128"/>
      </rPr>
      <t>ポリ臭化ジフェニルエーテル類（</t>
    </r>
    <r>
      <rPr>
        <sz val="11"/>
        <rFont val="Arial"/>
        <family val="2"/>
      </rPr>
      <t>PBDE</t>
    </r>
    <r>
      <rPr>
        <sz val="11"/>
        <rFont val="ＭＳ Ｐゴシック"/>
        <family val="3"/>
        <charset val="128"/>
      </rPr>
      <t>類）／</t>
    </r>
    <phoneticPr fontId="7"/>
  </si>
  <si>
    <r>
      <t>A2.</t>
    </r>
    <r>
      <rPr>
        <b/>
        <sz val="11"/>
        <rFont val="ＭＳ Ｐゴシック"/>
        <family val="3"/>
        <charset val="128"/>
      </rPr>
      <t>条件により使用を禁止する化学物質の製品への含有について／</t>
    </r>
  </si>
  <si>
    <r>
      <rPr>
        <sz val="11"/>
        <rFont val="ＭＳ Ｐゴシック"/>
        <family val="3"/>
        <charset val="128"/>
      </rPr>
      <t>カドミウム及びその化合物</t>
    </r>
    <r>
      <rPr>
        <sz val="11"/>
        <rFont val="Arial"/>
        <family val="2"/>
      </rPr>
      <t xml:space="preserve"> *2)</t>
    </r>
    <r>
      <rPr>
        <sz val="11"/>
        <rFont val="ＭＳ Ｐゴシック"/>
        <family val="3"/>
        <charset val="128"/>
      </rPr>
      <t>／</t>
    </r>
    <phoneticPr fontId="7"/>
  </si>
  <si>
    <r>
      <t>100ppm</t>
    </r>
    <r>
      <rPr>
        <sz val="11"/>
        <rFont val="ＭＳ Ｐゴシック"/>
        <family val="3"/>
        <charset val="128"/>
      </rPr>
      <t>以下の含有である。また、電池に関しては、</t>
    </r>
    <r>
      <rPr>
        <sz val="11"/>
        <rFont val="Arial"/>
        <family val="2"/>
      </rPr>
      <t>EU</t>
    </r>
    <r>
      <rPr>
        <sz val="11"/>
        <rFont val="ＭＳ Ｐゴシック"/>
        <family val="3"/>
        <charset val="128"/>
      </rPr>
      <t>電池指令（</t>
    </r>
    <r>
      <rPr>
        <sz val="11"/>
        <rFont val="Arial"/>
        <family val="2"/>
      </rPr>
      <t>2006/66/EC</t>
    </r>
    <r>
      <rPr>
        <sz val="11"/>
        <rFont val="ＭＳ Ｐゴシック"/>
        <family val="3"/>
        <charset val="128"/>
      </rPr>
      <t>、</t>
    </r>
    <r>
      <rPr>
        <sz val="11"/>
        <rFont val="Arial"/>
        <family val="2"/>
      </rPr>
      <t>2013/56/EU</t>
    </r>
    <r>
      <rPr>
        <sz val="11"/>
        <rFont val="ＭＳ Ｐゴシック"/>
        <family val="3"/>
        <charset val="128"/>
      </rPr>
      <t>）を満足している／</t>
    </r>
    <phoneticPr fontId="7"/>
  </si>
  <si>
    <r>
      <rPr>
        <sz val="11"/>
        <rFont val="ＭＳ Ｐゴシック"/>
        <family val="3"/>
        <charset val="128"/>
      </rPr>
      <t>デクロランプラス並びにその</t>
    </r>
    <r>
      <rPr>
        <sz val="11"/>
        <rFont val="Arial"/>
        <family val="2"/>
      </rPr>
      <t>syn-</t>
    </r>
    <r>
      <rPr>
        <sz val="11"/>
        <rFont val="ＭＳ Ｐゴシック"/>
        <family val="3"/>
        <charset val="128"/>
      </rPr>
      <t>異性体及び</t>
    </r>
    <r>
      <rPr>
        <sz val="11"/>
        <rFont val="Arial"/>
        <family val="2"/>
      </rPr>
      <t>anti-</t>
    </r>
    <r>
      <rPr>
        <sz val="11"/>
        <rFont val="ＭＳ Ｐゴシック"/>
        <family val="3"/>
        <charset val="128"/>
      </rPr>
      <t>異性体／</t>
    </r>
    <phoneticPr fontId="7"/>
  </si>
  <si>
    <r>
      <t>MOAH</t>
    </r>
    <r>
      <rPr>
        <sz val="11"/>
        <rFont val="ＭＳ Ｐゴシック"/>
        <family val="3"/>
        <charset val="128"/>
      </rPr>
      <t>（</t>
    </r>
    <r>
      <rPr>
        <sz val="11"/>
        <rFont val="Arial"/>
        <family val="2"/>
      </rPr>
      <t>1</t>
    </r>
    <r>
      <rPr>
        <sz val="11"/>
        <rFont val="ＭＳ Ｐゴシック"/>
        <family val="3"/>
        <charset val="128"/>
      </rPr>
      <t>個以上</t>
    </r>
    <r>
      <rPr>
        <sz val="11"/>
        <rFont val="Arial"/>
        <family val="2"/>
      </rPr>
      <t>7</t>
    </r>
    <r>
      <rPr>
        <sz val="11"/>
        <rFont val="ＭＳ Ｐゴシック"/>
        <family val="3"/>
        <charset val="128"/>
      </rPr>
      <t xml:space="preserve">個以下の芳香族環で構成される鉱物油芳香族炭化水素類）
</t>
    </r>
    <r>
      <rPr>
        <u/>
        <sz val="11"/>
        <rFont val="ＭＳ Ｐゴシック"/>
        <family val="3"/>
        <charset val="128"/>
      </rPr>
      <t>※</t>
    </r>
    <r>
      <rPr>
        <u/>
        <sz val="11"/>
        <rFont val="Arial"/>
        <family val="2"/>
      </rPr>
      <t xml:space="preserve"> </t>
    </r>
    <r>
      <rPr>
        <u/>
        <sz val="11"/>
        <rFont val="ＭＳ Ｐゴシック"/>
        <family val="3"/>
        <charset val="128"/>
      </rPr>
      <t>右記</t>
    </r>
    <r>
      <rPr>
        <u/>
        <sz val="11"/>
        <rFont val="Arial"/>
        <family val="2"/>
      </rPr>
      <t>(2)</t>
    </r>
    <r>
      <rPr>
        <u/>
        <sz val="11"/>
        <rFont val="ＭＳ Ｐゴシック"/>
        <family val="3"/>
        <charset val="128"/>
      </rPr>
      <t>は、</t>
    </r>
    <r>
      <rPr>
        <u/>
        <sz val="11"/>
        <rFont val="Arial"/>
        <family val="2"/>
      </rPr>
      <t>2024</t>
    </r>
    <r>
      <rPr>
        <u/>
        <sz val="11"/>
        <rFont val="ＭＳ Ｐゴシック"/>
        <family val="3"/>
        <charset val="128"/>
      </rPr>
      <t>年</t>
    </r>
    <r>
      <rPr>
        <u/>
        <sz val="11"/>
        <rFont val="Arial"/>
        <family val="2"/>
      </rPr>
      <t>7</t>
    </r>
    <r>
      <rPr>
        <u/>
        <sz val="11"/>
        <rFont val="ＭＳ Ｐゴシック"/>
        <family val="3"/>
        <charset val="128"/>
      </rPr>
      <t>月</t>
    </r>
    <r>
      <rPr>
        <u/>
        <sz val="11"/>
        <rFont val="Arial"/>
        <family val="2"/>
      </rPr>
      <t>1</t>
    </r>
    <r>
      <rPr>
        <u/>
        <sz val="11"/>
        <rFont val="ＭＳ Ｐゴシック"/>
        <family val="3"/>
        <charset val="128"/>
      </rPr>
      <t>日以降納入禁止／</t>
    </r>
    <phoneticPr fontId="7"/>
  </si>
  <si>
    <r>
      <t xml:space="preserve">MOAH (Aromatic hydrocarbons of mineral oil comprising from 1 to 7 aromatic rings)
</t>
    </r>
    <r>
      <rPr>
        <u/>
        <sz val="9"/>
        <rFont val="ＭＳ Ｐゴシック"/>
        <family val="3"/>
        <charset val="128"/>
      </rPr>
      <t>※</t>
    </r>
    <r>
      <rPr>
        <u/>
        <sz val="9"/>
        <rFont val="Arial"/>
        <family val="2"/>
      </rPr>
      <t xml:space="preserve"> In (2) on the right, delivery prohibited after 1st July 2024.</t>
    </r>
    <phoneticPr fontId="7"/>
  </si>
  <si>
    <r>
      <t>MOAH</t>
    </r>
    <r>
      <rPr>
        <sz val="11"/>
        <rFont val="ＭＳ Ｐゴシック"/>
        <family val="3"/>
        <charset val="128"/>
      </rPr>
      <t>（</t>
    </r>
    <r>
      <rPr>
        <sz val="11"/>
        <rFont val="Arial"/>
        <family val="2"/>
      </rPr>
      <t>3</t>
    </r>
    <r>
      <rPr>
        <sz val="11"/>
        <rFont val="ＭＳ Ｐゴシック"/>
        <family val="3"/>
        <charset val="128"/>
      </rPr>
      <t>個以上</t>
    </r>
    <r>
      <rPr>
        <sz val="11"/>
        <rFont val="Arial"/>
        <family val="2"/>
      </rPr>
      <t>7</t>
    </r>
    <r>
      <rPr>
        <sz val="11"/>
        <rFont val="ＭＳ Ｐゴシック"/>
        <family val="3"/>
        <charset val="128"/>
      </rPr>
      <t xml:space="preserve">個以下の芳香族環で構成される鉱物油芳香族炭化水素類）
</t>
    </r>
    <r>
      <rPr>
        <u/>
        <sz val="11"/>
        <rFont val="ＭＳ Ｐゴシック"/>
        <family val="3"/>
        <charset val="128"/>
      </rPr>
      <t>※</t>
    </r>
    <r>
      <rPr>
        <u/>
        <sz val="11"/>
        <rFont val="Arial"/>
        <family val="2"/>
      </rPr>
      <t xml:space="preserve"> 2024</t>
    </r>
    <r>
      <rPr>
        <u/>
        <sz val="11"/>
        <rFont val="ＭＳ Ｐゴシック"/>
        <family val="3"/>
        <charset val="128"/>
      </rPr>
      <t>年</t>
    </r>
    <r>
      <rPr>
        <u/>
        <sz val="11"/>
        <rFont val="Arial"/>
        <family val="2"/>
      </rPr>
      <t>7</t>
    </r>
    <r>
      <rPr>
        <u/>
        <sz val="11"/>
        <rFont val="ＭＳ Ｐゴシック"/>
        <family val="3"/>
        <charset val="128"/>
      </rPr>
      <t>月</t>
    </r>
    <r>
      <rPr>
        <u/>
        <sz val="11"/>
        <rFont val="Arial"/>
        <family val="2"/>
      </rPr>
      <t>1</t>
    </r>
    <r>
      <rPr>
        <u/>
        <sz val="11"/>
        <rFont val="ＭＳ Ｐゴシック"/>
        <family val="3"/>
        <charset val="128"/>
      </rPr>
      <t>日以降納入禁止／</t>
    </r>
    <phoneticPr fontId="7"/>
  </si>
  <si>
    <r>
      <t xml:space="preserve">MOAH (Aromatic hydrocarbons of mineral oil comprising from 3 to 7 aromatic rings)
</t>
    </r>
    <r>
      <rPr>
        <u/>
        <sz val="9"/>
        <rFont val="ＭＳ Ｐゴシック"/>
        <family val="3"/>
        <charset val="128"/>
      </rPr>
      <t>※</t>
    </r>
    <r>
      <rPr>
        <u/>
        <sz val="9"/>
        <rFont val="Arial"/>
        <family val="2"/>
      </rPr>
      <t xml:space="preserve"> Delivery prohibited after 1st July 2024.</t>
    </r>
    <phoneticPr fontId="7"/>
  </si>
  <si>
    <r>
      <t xml:space="preserve">&lt; </t>
    </r>
    <r>
      <rPr>
        <sz val="9"/>
        <rFont val="ＭＳ Ｐゴシック"/>
        <family val="3"/>
        <charset val="128"/>
      </rPr>
      <t>前ページから／</t>
    </r>
    <r>
      <rPr>
        <sz val="9"/>
        <rFont val="Arial"/>
        <family val="2"/>
      </rPr>
      <t>Continued from the previous page.&gt;</t>
    </r>
  </si>
  <si>
    <r>
      <t xml:space="preserve">*1) </t>
    </r>
    <r>
      <rPr>
        <sz val="9"/>
        <rFont val="ＭＳ Ｐゴシック"/>
        <family val="3"/>
        <charset val="128"/>
      </rPr>
      <t>含有率の算出単位は特に記載のない場合は均質材料です／</t>
    </r>
    <r>
      <rPr>
        <sz val="8"/>
        <rFont val="Arial"/>
        <family val="2"/>
      </rPr>
      <t>Unit for calculating content rate is homogeneous material if not otherwise specified.</t>
    </r>
    <phoneticPr fontId="7"/>
  </si>
  <si>
    <r>
      <rPr>
        <sz val="11"/>
        <rFont val="ＭＳ Ｐゴシック"/>
        <family val="3"/>
        <charset val="128"/>
      </rPr>
      <t>化学物質名／</t>
    </r>
    <r>
      <rPr>
        <sz val="11"/>
        <rFont val="Arial"/>
        <family val="2"/>
      </rPr>
      <t>Substances</t>
    </r>
  </si>
  <si>
    <r>
      <rPr>
        <sz val="11"/>
        <rFont val="ＭＳ Ｐゴシック"/>
        <family val="3"/>
        <charset val="128"/>
      </rPr>
      <t>確認内容（判定基準）／</t>
    </r>
    <r>
      <rPr>
        <sz val="9"/>
        <rFont val="Arial"/>
        <family val="2"/>
      </rPr>
      <t>Check point (Criteria)</t>
    </r>
    <phoneticPr fontId="7"/>
  </si>
  <si>
    <r>
      <rPr>
        <sz val="11"/>
        <rFont val="ＭＳ Ｐゴシック"/>
        <family val="3"/>
        <charset val="128"/>
      </rPr>
      <t>オゾン層破壊物質／</t>
    </r>
    <phoneticPr fontId="7"/>
  </si>
  <si>
    <r>
      <rPr>
        <sz val="11"/>
        <rFont val="ＭＳ Ｐゴシック"/>
        <family val="3"/>
        <charset val="128"/>
      </rPr>
      <t>（モントリオール議定書</t>
    </r>
    <r>
      <rPr>
        <sz val="11"/>
        <rFont val="Arial"/>
        <family val="2"/>
      </rPr>
      <t>Class I, II</t>
    </r>
    <r>
      <rPr>
        <sz val="11"/>
        <rFont val="ＭＳ Ｐゴシック"/>
        <family val="3"/>
        <charset val="128"/>
      </rPr>
      <t>が対象）／</t>
    </r>
    <phoneticPr fontId="7"/>
  </si>
  <si>
    <r>
      <t>(2)</t>
    </r>
    <r>
      <rPr>
        <sz val="11"/>
        <rFont val="ＭＳ Ｐゴシック"/>
        <family val="3"/>
        <charset val="128"/>
      </rPr>
      <t>製品に回路基板を使用している／</t>
    </r>
    <phoneticPr fontId="7"/>
  </si>
  <si>
    <r>
      <t>(3)</t>
    </r>
    <r>
      <rPr>
        <sz val="11"/>
        <rFont val="ＭＳ Ｐゴシック"/>
        <family val="3"/>
        <charset val="128"/>
      </rPr>
      <t>洗浄工程で使用していない（</t>
    </r>
    <r>
      <rPr>
        <sz val="11"/>
        <rFont val="Arial"/>
        <family val="2"/>
      </rPr>
      <t>(2)</t>
    </r>
    <r>
      <rPr>
        <sz val="11"/>
        <rFont val="ＭＳ Ｐゴシック"/>
        <family val="3"/>
        <charset val="128"/>
      </rPr>
      <t>項の確認結果が</t>
    </r>
    <r>
      <rPr>
        <sz val="11"/>
        <rFont val="Arial"/>
        <family val="2"/>
      </rPr>
      <t>YES</t>
    </r>
    <r>
      <rPr>
        <sz val="11"/>
        <rFont val="ＭＳ Ｐゴシック"/>
        <family val="3"/>
        <charset val="128"/>
      </rPr>
      <t>の場合のみ回答）
（</t>
    </r>
    <r>
      <rPr>
        <sz val="11"/>
        <rFont val="Arial"/>
        <family val="2"/>
      </rPr>
      <t>"Not Used"="</t>
    </r>
    <r>
      <rPr>
        <sz val="11"/>
        <rFont val="ＭＳ Ｐゴシック"/>
        <family val="3"/>
        <charset val="128"/>
      </rPr>
      <t>洗浄工程で使用していない</t>
    </r>
    <r>
      <rPr>
        <sz val="11"/>
        <rFont val="Arial"/>
        <family val="2"/>
      </rPr>
      <t>"</t>
    </r>
    <r>
      <rPr>
        <sz val="11"/>
        <rFont val="ＭＳ Ｐゴシック"/>
        <family val="3"/>
        <charset val="128"/>
      </rPr>
      <t>場合でも、洗浄工程が必要なものについては、洗浄液又は洗浄方法を記入）／</t>
    </r>
    <phoneticPr fontId="7"/>
  </si>
  <si>
    <r>
      <rPr>
        <sz val="11"/>
        <rFont val="ＭＳ Ｐゴシック"/>
        <family val="3"/>
        <charset val="128"/>
      </rPr>
      <t>炭素数が</t>
    </r>
    <r>
      <rPr>
        <sz val="11"/>
        <rFont val="Arial"/>
        <family val="2"/>
      </rPr>
      <t>15</t>
    </r>
    <r>
      <rPr>
        <sz val="11"/>
        <rFont val="ＭＳ Ｐゴシック"/>
        <family val="3"/>
        <charset val="128"/>
      </rPr>
      <t>から</t>
    </r>
    <r>
      <rPr>
        <sz val="11"/>
        <rFont val="Arial"/>
        <family val="2"/>
      </rPr>
      <t>21</t>
    </r>
    <r>
      <rPr>
        <sz val="11"/>
        <rFont val="ＭＳ Ｐゴシック"/>
        <family val="3"/>
        <charset val="128"/>
      </rPr>
      <t>のパーフルオロカルボン酸（</t>
    </r>
    <r>
      <rPr>
        <sz val="11"/>
        <rFont val="Arial"/>
        <family val="2"/>
      </rPr>
      <t>C15-C21 PFCAs</t>
    </r>
    <r>
      <rPr>
        <sz val="11"/>
        <rFont val="ＭＳ Ｐゴシック"/>
        <family val="3"/>
        <charset val="128"/>
      </rPr>
      <t>）とその塩および</t>
    </r>
    <r>
      <rPr>
        <sz val="11"/>
        <rFont val="Arial"/>
        <family val="2"/>
      </rPr>
      <t>C15-C21 PFCA</t>
    </r>
    <r>
      <rPr>
        <sz val="11"/>
        <rFont val="ＭＳ Ｐゴシック"/>
        <family val="3"/>
        <charset val="128"/>
      </rPr>
      <t>関連物質／</t>
    </r>
    <phoneticPr fontId="7"/>
  </si>
  <si>
    <r>
      <rPr>
        <sz val="11"/>
        <rFont val="ＭＳ Ｐゴシック"/>
        <family val="3"/>
        <charset val="128"/>
      </rPr>
      <t>作成者／</t>
    </r>
    <r>
      <rPr>
        <sz val="9"/>
        <rFont val="Arial"/>
        <family val="2"/>
      </rPr>
      <t>Writer</t>
    </r>
    <phoneticPr fontId="7"/>
  </si>
  <si>
    <r>
      <rPr>
        <sz val="11"/>
        <rFont val="ＭＳ Ｐゴシック"/>
        <family val="3"/>
        <charset val="128"/>
      </rPr>
      <t>責任者／</t>
    </r>
    <r>
      <rPr>
        <sz val="9"/>
        <rFont val="Arial"/>
        <family val="2"/>
      </rPr>
      <t>Responsible Person</t>
    </r>
    <phoneticPr fontId="7"/>
  </si>
  <si>
    <r>
      <rPr>
        <sz val="9"/>
        <rFont val="ＭＳ Ｐゴシック"/>
        <family val="3"/>
        <charset val="128"/>
      </rPr>
      <t>（「署名」或は、「印字と捺印」をお願いします／</t>
    </r>
    <r>
      <rPr>
        <sz val="9"/>
        <rFont val="Arial"/>
        <family val="2"/>
      </rPr>
      <t>"Signature" OR "input name and Seal"</t>
    </r>
    <r>
      <rPr>
        <sz val="9"/>
        <rFont val="ＭＳ Ｐゴシック"/>
        <family val="3"/>
        <charset val="128"/>
      </rPr>
      <t>）</t>
    </r>
    <phoneticPr fontId="7"/>
  </si>
  <si>
    <r>
      <t xml:space="preserve"> 3) </t>
    </r>
    <r>
      <rPr>
        <sz val="11"/>
        <rFont val="ＭＳ Ｐゴシック"/>
        <family val="3"/>
        <charset val="128"/>
      </rPr>
      <t>当報告書発行時点（</t>
    </r>
    <r>
      <rPr>
        <sz val="11"/>
        <rFont val="Arial"/>
        <family val="2"/>
      </rPr>
      <t>2023</t>
    </r>
    <r>
      <rPr>
        <sz val="11"/>
        <rFont val="ＭＳ Ｐゴシック"/>
        <family val="3"/>
        <charset val="128"/>
      </rPr>
      <t>年</t>
    </r>
    <r>
      <rPr>
        <sz val="11"/>
        <rFont val="Arial"/>
        <family val="2"/>
      </rPr>
      <t>10</t>
    </r>
    <r>
      <rPr>
        <sz val="11"/>
        <rFont val="ＭＳ Ｐゴシック"/>
        <family val="3"/>
        <charset val="128"/>
      </rPr>
      <t>月）の</t>
    </r>
    <r>
      <rPr>
        <sz val="11"/>
        <rFont val="Arial"/>
        <family val="2"/>
      </rPr>
      <t>EU RoHS</t>
    </r>
    <r>
      <rPr>
        <sz val="11"/>
        <rFont val="ＭＳ Ｐゴシック"/>
        <family val="3"/>
        <charset val="128"/>
      </rPr>
      <t>指令の適用除外期限の情報に基づいています。／</t>
    </r>
    <rPh sb="37" eb="39">
      <t>キゲン</t>
    </rPh>
    <rPh sb="40" eb="42">
      <t>ジョウホウ</t>
    </rPh>
    <rPh sb="43" eb="44">
      <t>モト</t>
    </rPh>
    <phoneticPr fontId="7"/>
  </si>
  <si>
    <t xml:space="preserve">     It is based on information on the exemption deadline of the EU RoHS Directive at the time of issuance of this report (Oct. 2023).</t>
    <phoneticPr fontId="7"/>
  </si>
  <si>
    <r>
      <t>2-(2H-</t>
    </r>
    <r>
      <rPr>
        <sz val="11"/>
        <rFont val="ＭＳ Ｐゴシック"/>
        <family val="3"/>
        <charset val="128"/>
      </rPr>
      <t>ベンゾトリアゾール</t>
    </r>
    <r>
      <rPr>
        <sz val="11"/>
        <rFont val="Arial"/>
        <family val="2"/>
      </rPr>
      <t>-2-</t>
    </r>
    <r>
      <rPr>
        <sz val="11"/>
        <rFont val="ＭＳ Ｐゴシック"/>
        <family val="3"/>
        <charset val="128"/>
      </rPr>
      <t>イル</t>
    </r>
    <r>
      <rPr>
        <sz val="11"/>
        <rFont val="Arial"/>
        <family val="2"/>
      </rPr>
      <t>)-4,6-</t>
    </r>
    <r>
      <rPr>
        <sz val="11"/>
        <rFont val="ＭＳ Ｐゴシック"/>
        <family val="3"/>
        <charset val="128"/>
      </rPr>
      <t>ジ</t>
    </r>
    <r>
      <rPr>
        <sz val="11"/>
        <rFont val="Arial"/>
        <family val="2"/>
      </rPr>
      <t>-tert-</t>
    </r>
    <r>
      <rPr>
        <sz val="11"/>
        <rFont val="ＭＳ Ｐゴシック"/>
        <family val="3"/>
        <charset val="128"/>
      </rPr>
      <t>ペンチルフェノール</t>
    </r>
    <r>
      <rPr>
        <sz val="11"/>
        <rFont val="Arial"/>
        <family val="2"/>
      </rPr>
      <t xml:space="preserve"> </t>
    </r>
    <r>
      <rPr>
        <sz val="11"/>
        <rFont val="ＭＳ Ｐゴシック"/>
        <family val="3"/>
        <charset val="128"/>
      </rPr>
      <t>（</t>
    </r>
    <r>
      <rPr>
        <sz val="11"/>
        <rFont val="Arial"/>
        <family val="2"/>
      </rPr>
      <t>UV-328</t>
    </r>
    <r>
      <rPr>
        <sz val="11"/>
        <rFont val="ＭＳ Ｐゴシック"/>
        <family val="3"/>
        <charset val="128"/>
      </rPr>
      <t>）／</t>
    </r>
    <r>
      <rPr>
        <sz val="9"/>
        <rFont val="Arial"/>
        <family val="2"/>
      </rPr>
      <t>2-(2H-benzotriazol-2-yl)-4,6-ditertpentylphenol (UV-328)</t>
    </r>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3</t>
    </r>
    <r>
      <rPr>
        <sz val="11"/>
        <rFont val="ＭＳ Ｐゴシック"/>
        <family val="3"/>
        <charset val="128"/>
      </rPr>
      <t>）以外のものに使用されている／</t>
    </r>
    <r>
      <rPr>
        <sz val="9"/>
        <rFont val="Arial"/>
        <family val="2"/>
      </rPr>
      <t>Used in the other than the following (2)-(3).</t>
    </r>
    <phoneticPr fontId="7"/>
  </si>
  <si>
    <r>
      <rPr>
        <sz val="11"/>
        <rFont val="ＭＳ Ｐゴシック"/>
        <family val="3"/>
        <charset val="128"/>
      </rPr>
      <t>偏光板中のトリアセチルセルロース（</t>
    </r>
    <r>
      <rPr>
        <sz val="11"/>
        <rFont val="Arial"/>
        <family val="2"/>
      </rPr>
      <t>TAC</t>
    </r>
    <r>
      <rPr>
        <sz val="11"/>
        <rFont val="ＭＳ Ｐゴシック"/>
        <family val="3"/>
        <charset val="128"/>
      </rPr>
      <t>）フィルムに使用されている／</t>
    </r>
    <phoneticPr fontId="7"/>
  </si>
  <si>
    <r>
      <rPr>
        <sz val="11"/>
        <rFont val="ＭＳ Ｐゴシック"/>
        <family val="3"/>
        <charset val="128"/>
      </rPr>
      <t>自動車用の部品に使用されている／</t>
    </r>
    <r>
      <rPr>
        <sz val="9"/>
        <rFont val="Arial"/>
        <family val="2"/>
      </rPr>
      <t>Used in parts for Motor vehicles</t>
    </r>
    <r>
      <rPr>
        <sz val="11"/>
        <rFont val="Arial"/>
        <family val="2"/>
      </rPr>
      <t>.</t>
    </r>
    <phoneticPr fontId="7"/>
  </si>
  <si>
    <r>
      <t xml:space="preserve">Ver.14.0 </t>
    </r>
    <r>
      <rPr>
        <b/>
        <sz val="12"/>
        <rFont val="ＭＳ Ｐゴシック"/>
        <family val="3"/>
        <charset val="128"/>
      </rPr>
      <t>からの改定ポイント</t>
    </r>
    <phoneticPr fontId="7"/>
  </si>
  <si>
    <r>
      <rPr>
        <sz val="10"/>
        <rFont val="ＭＳ Ｐゴシック"/>
        <family val="3"/>
        <charset val="128"/>
      </rPr>
      <t>確認内容（判定基準）を変更。</t>
    </r>
    <phoneticPr fontId="7"/>
  </si>
  <si>
    <r>
      <rPr>
        <sz val="10"/>
        <rFont val="ＭＳ Ｐゴシック"/>
        <family val="3"/>
        <charset val="128"/>
      </rPr>
      <t>ポリ塩化ビフェニル類（</t>
    </r>
    <r>
      <rPr>
        <sz val="10"/>
        <rFont val="Arial"/>
        <family val="2"/>
      </rPr>
      <t>PCB</t>
    </r>
    <r>
      <rPr>
        <sz val="10"/>
        <rFont val="ＭＳ Ｐゴシック"/>
        <family val="3"/>
        <charset val="128"/>
      </rPr>
      <t>類）、_x000D_
及び特定代替物質</t>
    </r>
  </si>
  <si>
    <r>
      <rPr>
        <sz val="10"/>
        <rFont val="ＭＳ Ｐゴシック"/>
        <family val="3"/>
        <charset val="128"/>
      </rPr>
      <t>短鎖型塩化パラフィン（</t>
    </r>
    <r>
      <rPr>
        <sz val="10"/>
        <rFont val="Arial"/>
        <family val="2"/>
      </rPr>
      <t>SCCP, C:10-13</t>
    </r>
    <r>
      <rPr>
        <sz val="10"/>
        <rFont val="ＭＳ Ｐゴシック"/>
        <family val="3"/>
        <charset val="128"/>
      </rPr>
      <t>）</t>
    </r>
    <phoneticPr fontId="7"/>
  </si>
  <si>
    <r>
      <rPr>
        <sz val="10"/>
        <rFont val="ＭＳ Ｐゴシック"/>
        <family val="3"/>
        <charset val="128"/>
      </rPr>
      <t>使用禁止候補物質から全面的使用禁止物質に変更</t>
    </r>
    <phoneticPr fontId="7"/>
  </si>
  <si>
    <r>
      <t>MOAH</t>
    </r>
    <r>
      <rPr>
        <sz val="10"/>
        <rFont val="ＭＳ Ｐゴシック"/>
        <family val="3"/>
        <charset val="128"/>
      </rPr>
      <t>（</t>
    </r>
    <r>
      <rPr>
        <sz val="10"/>
        <rFont val="Arial"/>
        <family val="2"/>
      </rPr>
      <t>1</t>
    </r>
    <r>
      <rPr>
        <sz val="10"/>
        <rFont val="ＭＳ Ｐゴシック"/>
        <family val="3"/>
        <charset val="128"/>
      </rPr>
      <t>個以上</t>
    </r>
    <r>
      <rPr>
        <sz val="10"/>
        <rFont val="Arial"/>
        <family val="2"/>
      </rPr>
      <t>7</t>
    </r>
    <r>
      <rPr>
        <sz val="10"/>
        <rFont val="ＭＳ Ｐゴシック"/>
        <family val="3"/>
        <charset val="128"/>
      </rPr>
      <t>個以下の芳香族環で構成される鉱物油芳香族炭化水素類）</t>
    </r>
  </si>
  <si>
    <r>
      <t>2022</t>
    </r>
    <r>
      <rPr>
        <sz val="10"/>
        <rFont val="ＭＳ Ｐゴシック"/>
        <family val="3"/>
        <charset val="128"/>
      </rPr>
      <t>年</t>
    </r>
    <r>
      <rPr>
        <sz val="10"/>
        <rFont val="Arial"/>
        <family val="2"/>
      </rPr>
      <t>8</t>
    </r>
    <r>
      <rPr>
        <sz val="10"/>
        <rFont val="ＭＳ Ｐゴシック"/>
        <family val="3"/>
        <charset val="128"/>
      </rPr>
      <t>月</t>
    </r>
    <r>
      <rPr>
        <sz val="10"/>
        <rFont val="Arial"/>
        <family val="2"/>
      </rPr>
      <t>31</t>
    </r>
    <r>
      <rPr>
        <sz val="10"/>
        <rFont val="ＭＳ Ｐゴシック"/>
        <family val="3"/>
        <charset val="128"/>
      </rPr>
      <t>日発行の通達の基準を反映。</t>
    </r>
    <rPh sb="19" eb="21">
      <t>ハンエイ</t>
    </rPh>
    <phoneticPr fontId="7"/>
  </si>
  <si>
    <r>
      <t>MOAH</t>
    </r>
    <r>
      <rPr>
        <sz val="10"/>
        <rFont val="ＭＳ Ｐゴシック"/>
        <family val="3"/>
        <charset val="128"/>
      </rPr>
      <t>（</t>
    </r>
    <r>
      <rPr>
        <sz val="10"/>
        <rFont val="Arial"/>
        <family val="2"/>
      </rPr>
      <t>3</t>
    </r>
    <r>
      <rPr>
        <sz val="10"/>
        <rFont val="ＭＳ Ｐゴシック"/>
        <family val="3"/>
        <charset val="128"/>
      </rPr>
      <t>個以上</t>
    </r>
    <r>
      <rPr>
        <sz val="10"/>
        <rFont val="Arial"/>
        <family val="2"/>
      </rPr>
      <t>7</t>
    </r>
    <r>
      <rPr>
        <sz val="10"/>
        <rFont val="ＭＳ Ｐゴシック"/>
        <family val="3"/>
        <charset val="128"/>
      </rPr>
      <t>個以下の芳香族環で構成される鉱物油芳香族炭化水素類）</t>
    </r>
  </si>
  <si>
    <r>
      <t>MOSH</t>
    </r>
    <r>
      <rPr>
        <sz val="10"/>
        <rFont val="ＭＳ Ｐゴシック"/>
        <family val="3"/>
        <charset val="128"/>
      </rPr>
      <t>（</t>
    </r>
    <r>
      <rPr>
        <sz val="10"/>
        <rFont val="Arial"/>
        <family val="2"/>
      </rPr>
      <t>16</t>
    </r>
    <r>
      <rPr>
        <sz val="10"/>
        <rFont val="ＭＳ Ｐゴシック"/>
        <family val="3"/>
        <charset val="128"/>
      </rPr>
      <t>個以上</t>
    </r>
    <r>
      <rPr>
        <sz val="10"/>
        <rFont val="Arial"/>
        <family val="2"/>
      </rPr>
      <t>35</t>
    </r>
    <r>
      <rPr>
        <sz val="10"/>
        <rFont val="ＭＳ Ｐゴシック"/>
        <family val="3"/>
        <charset val="128"/>
      </rPr>
      <t>個以下の炭素原子で構成される鉱物油飽和炭化水素類）</t>
    </r>
  </si>
  <si>
    <r>
      <rPr>
        <sz val="10"/>
        <rFont val="ＭＳ Ｐゴシック"/>
        <family val="3"/>
        <charset val="128"/>
      </rPr>
      <t>（削除）</t>
    </r>
    <rPh sb="1" eb="3">
      <t>サクジョ</t>
    </rPh>
    <phoneticPr fontId="7"/>
  </si>
  <si>
    <r>
      <rPr>
        <sz val="10"/>
        <rFont val="ＭＳ Ｐゴシック"/>
        <family val="3"/>
        <charset val="128"/>
      </rPr>
      <t>全面使用禁止物質に変更。</t>
    </r>
    <rPh sb="0" eb="2">
      <t>ゼンメン</t>
    </rPh>
    <rPh sb="2" eb="4">
      <t>シヨウ</t>
    </rPh>
    <rPh sb="4" eb="6">
      <t>キンシ</t>
    </rPh>
    <rPh sb="6" eb="8">
      <t>ブッシツ</t>
    </rPh>
    <rPh sb="9" eb="11">
      <t>ヘンコウ</t>
    </rPh>
    <phoneticPr fontId="7"/>
  </si>
  <si>
    <r>
      <rPr>
        <sz val="10"/>
        <rFont val="ＭＳ Ｐゴシック"/>
        <family val="3"/>
        <charset val="128"/>
      </rPr>
      <t>新規追加</t>
    </r>
    <rPh sb="0" eb="2">
      <t>シンキ</t>
    </rPh>
    <rPh sb="2" eb="4">
      <t>ツイカ</t>
    </rPh>
    <phoneticPr fontId="7"/>
  </si>
  <si>
    <r>
      <rPr>
        <sz val="11"/>
        <rFont val="ＭＳ Ｐゴシック"/>
        <family val="3"/>
        <charset val="128"/>
      </rPr>
      <t>ビスフェノール類</t>
    </r>
    <r>
      <rPr>
        <sz val="11"/>
        <rFont val="Arial"/>
        <family val="2"/>
      </rPr>
      <t xml:space="preserve"> </t>
    </r>
    <r>
      <rPr>
        <sz val="11"/>
        <rFont val="ＭＳ Ｐゴシック"/>
        <family val="3"/>
        <charset val="128"/>
      </rPr>
      <t>（ビスフェノール</t>
    </r>
    <r>
      <rPr>
        <sz val="11"/>
        <rFont val="Arial"/>
        <family val="2"/>
      </rPr>
      <t>A</t>
    </r>
    <r>
      <rPr>
        <sz val="11"/>
        <rFont val="ＭＳ Ｐゴシック"/>
        <family val="3"/>
        <charset val="128"/>
      </rPr>
      <t>、ビスフェノール</t>
    </r>
    <r>
      <rPr>
        <sz val="11"/>
        <rFont val="Arial"/>
        <family val="2"/>
      </rPr>
      <t>S</t>
    </r>
    <r>
      <rPr>
        <sz val="11"/>
        <rFont val="ＭＳ Ｐゴシック"/>
        <family val="3"/>
        <charset val="128"/>
      </rPr>
      <t>は除く）</t>
    </r>
    <rPh sb="7" eb="8">
      <t>ルイ</t>
    </rPh>
    <rPh sb="29" eb="30">
      <t>ノゾ</t>
    </rPh>
    <phoneticPr fontId="7"/>
  </si>
  <si>
    <r>
      <t>POPs</t>
    </r>
    <r>
      <rPr>
        <sz val="10"/>
        <rFont val="ＭＳ Ｐゴシック"/>
        <family val="3"/>
        <charset val="128"/>
      </rPr>
      <t>条約</t>
    </r>
    <rPh sb="4" eb="6">
      <t>ジョウヤク</t>
    </rPh>
    <phoneticPr fontId="7"/>
  </si>
  <si>
    <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Ph sb="7" eb="9">
      <t>キソク</t>
    </rPh>
    <rPh sb="10" eb="13">
      <t>フゾクショ</t>
    </rPh>
    <phoneticPr fontId="7"/>
  </si>
  <si>
    <r>
      <rPr>
        <sz val="10"/>
        <rFont val="ＭＳ Ｐゴシック"/>
        <family val="3"/>
        <charset val="128"/>
      </rPr>
      <t>フランス国内法</t>
    </r>
    <phoneticPr fontId="7"/>
  </si>
  <si>
    <r>
      <rPr>
        <sz val="10"/>
        <rFont val="ＭＳ Ｐゴシック"/>
        <family val="3"/>
        <charset val="128"/>
      </rPr>
      <t>規則</t>
    </r>
    <r>
      <rPr>
        <sz val="10"/>
        <rFont val="Arial"/>
        <family val="2"/>
      </rPr>
      <t>(EU) 2019/2021</t>
    </r>
    <r>
      <rPr>
        <sz val="10"/>
        <rFont val="ＭＳ Ｐゴシック"/>
        <family val="3"/>
        <charset val="128"/>
      </rPr>
      <t>（電子ディスプレイ）、米国ワシントン州法</t>
    </r>
    <rPh sb="27" eb="29">
      <t>ベイコク</t>
    </rPh>
    <rPh sb="34" eb="36">
      <t>シュウホウ</t>
    </rPh>
    <phoneticPr fontId="7"/>
  </si>
  <si>
    <r>
      <t>2-(2H-</t>
    </r>
    <r>
      <rPr>
        <sz val="10"/>
        <rFont val="ＭＳ Ｐゴシック"/>
        <family val="3"/>
        <charset val="128"/>
      </rPr>
      <t>ベンゾトリアゾール</t>
    </r>
    <r>
      <rPr>
        <sz val="10"/>
        <rFont val="Arial"/>
        <family val="2"/>
      </rPr>
      <t>-2-</t>
    </r>
    <r>
      <rPr>
        <sz val="10"/>
        <rFont val="ＭＳ Ｐゴシック"/>
        <family val="3"/>
        <charset val="128"/>
      </rPr>
      <t>イル</t>
    </r>
    <r>
      <rPr>
        <sz val="10"/>
        <rFont val="Arial"/>
        <family val="2"/>
      </rPr>
      <t>)-4,6-</t>
    </r>
    <r>
      <rPr>
        <sz val="10"/>
        <rFont val="ＭＳ Ｐゴシック"/>
        <family val="3"/>
        <charset val="128"/>
      </rPr>
      <t>ジ</t>
    </r>
    <r>
      <rPr>
        <sz val="10"/>
        <rFont val="Arial"/>
        <family val="2"/>
      </rPr>
      <t>-tert-</t>
    </r>
    <r>
      <rPr>
        <sz val="10"/>
        <rFont val="ＭＳ Ｐゴシック"/>
        <family val="3"/>
        <charset val="128"/>
      </rPr>
      <t>ペンチルフェノール</t>
    </r>
    <r>
      <rPr>
        <sz val="10"/>
        <rFont val="Arial"/>
        <family val="2"/>
      </rPr>
      <t xml:space="preserve"> </t>
    </r>
    <r>
      <rPr>
        <sz val="10"/>
        <rFont val="ＭＳ Ｐゴシック"/>
        <family val="3"/>
        <charset val="128"/>
      </rPr>
      <t>（</t>
    </r>
    <r>
      <rPr>
        <sz val="10"/>
        <rFont val="Arial"/>
        <family val="2"/>
      </rPr>
      <t>UV-328</t>
    </r>
    <r>
      <rPr>
        <sz val="10"/>
        <rFont val="ＭＳ Ｐゴシック"/>
        <family val="3"/>
        <charset val="128"/>
      </rPr>
      <t>）</t>
    </r>
    <phoneticPr fontId="7"/>
  </si>
  <si>
    <r>
      <t>POPs</t>
    </r>
    <r>
      <rPr>
        <sz val="10"/>
        <rFont val="ＭＳ Ｐゴシック"/>
        <family val="3"/>
        <charset val="128"/>
      </rPr>
      <t>条約、カナダ環境保護法</t>
    </r>
    <rPh sb="4" eb="6">
      <t>ジョウヤク</t>
    </rPh>
    <phoneticPr fontId="7"/>
  </si>
  <si>
    <r>
      <rPr>
        <sz val="10"/>
        <rFont val="ＭＳ Ｐゴシック"/>
        <family val="3"/>
        <charset val="128"/>
      </rPr>
      <t>欧州、米国、カナダの法規制</t>
    </r>
    <rPh sb="10" eb="13">
      <t>ホウキセイ</t>
    </rPh>
    <phoneticPr fontId="7"/>
  </si>
  <si>
    <r>
      <rPr>
        <sz val="10"/>
        <rFont val="ＭＳ Ｐゴシック"/>
        <family val="3"/>
        <charset val="128"/>
      </rPr>
      <t>使用禁止候補物質から条件付使用禁止物質に変更</t>
    </r>
    <rPh sb="10" eb="13">
      <t>ジョウケンツキ</t>
    </rPh>
    <phoneticPr fontId="7"/>
  </si>
  <si>
    <r>
      <rPr>
        <sz val="11"/>
        <rFont val="ＭＳ Ｐゴシック"/>
        <family val="3"/>
        <charset val="128"/>
      </rPr>
      <t>短鎖型塩化パラフィン（</t>
    </r>
    <r>
      <rPr>
        <sz val="11"/>
        <rFont val="Arial"/>
        <family val="2"/>
      </rPr>
      <t>SCCP, C:10-13</t>
    </r>
    <r>
      <rPr>
        <sz val="11"/>
        <rFont val="ＭＳ Ｐゴシック"/>
        <family val="3"/>
        <charset val="128"/>
      </rPr>
      <t>）／</t>
    </r>
    <phoneticPr fontId="7"/>
  </si>
  <si>
    <r>
      <t>MOSH</t>
    </r>
    <r>
      <rPr>
        <sz val="11"/>
        <rFont val="ＭＳ Ｐゴシック"/>
        <family val="3"/>
        <charset val="128"/>
      </rPr>
      <t>（</t>
    </r>
    <r>
      <rPr>
        <sz val="11"/>
        <rFont val="Arial"/>
        <family val="2"/>
      </rPr>
      <t>16</t>
    </r>
    <r>
      <rPr>
        <sz val="11"/>
        <rFont val="ＭＳ Ｐゴシック"/>
        <family val="3"/>
        <charset val="128"/>
      </rPr>
      <t>個以上</t>
    </r>
    <r>
      <rPr>
        <sz val="11"/>
        <rFont val="Arial"/>
        <family val="2"/>
      </rPr>
      <t>35</t>
    </r>
    <r>
      <rPr>
        <sz val="11"/>
        <rFont val="ＭＳ Ｐゴシック"/>
        <family val="3"/>
        <charset val="128"/>
      </rPr>
      <t xml:space="preserve">個以下の炭素原子で構成される鉱物油飽和炭化水素類）
</t>
    </r>
    <r>
      <rPr>
        <u/>
        <sz val="11"/>
        <rFont val="ＭＳ Ｐゴシック"/>
        <family val="3"/>
        <charset val="128"/>
      </rPr>
      <t>※</t>
    </r>
    <r>
      <rPr>
        <u/>
        <sz val="11"/>
        <rFont val="Arial"/>
        <family val="2"/>
      </rPr>
      <t xml:space="preserve"> 2024</t>
    </r>
    <r>
      <rPr>
        <u/>
        <sz val="11"/>
        <rFont val="ＭＳ Ｐゴシック"/>
        <family val="3"/>
        <charset val="128"/>
      </rPr>
      <t>年</t>
    </r>
    <r>
      <rPr>
        <u/>
        <sz val="11"/>
        <rFont val="Arial"/>
        <family val="2"/>
      </rPr>
      <t>7</t>
    </r>
    <r>
      <rPr>
        <u/>
        <sz val="11"/>
        <rFont val="ＭＳ Ｐゴシック"/>
        <family val="3"/>
        <charset val="128"/>
      </rPr>
      <t>月</t>
    </r>
    <r>
      <rPr>
        <u/>
        <sz val="11"/>
        <rFont val="Arial"/>
        <family val="2"/>
      </rPr>
      <t>1</t>
    </r>
    <r>
      <rPr>
        <u/>
        <sz val="11"/>
        <rFont val="ＭＳ Ｐゴシック"/>
        <family val="3"/>
        <charset val="128"/>
      </rPr>
      <t>日以降納入禁止／</t>
    </r>
    <phoneticPr fontId="7"/>
  </si>
  <si>
    <r>
      <t>4,4'-</t>
    </r>
    <r>
      <rPr>
        <sz val="11"/>
        <rFont val="ＭＳ Ｐゴシック"/>
        <family val="3"/>
        <charset val="128"/>
      </rPr>
      <t>プロパン</t>
    </r>
    <r>
      <rPr>
        <sz val="11"/>
        <rFont val="Arial"/>
        <family val="2"/>
      </rPr>
      <t>-2,2-</t>
    </r>
    <r>
      <rPr>
        <sz val="11"/>
        <rFont val="ＭＳ Ｐゴシック"/>
        <family val="3"/>
        <charset val="128"/>
      </rPr>
      <t>ジイルジフェノｰル</t>
    </r>
    <r>
      <rPr>
        <sz val="11"/>
        <rFont val="Arial"/>
        <family val="2"/>
      </rPr>
      <t xml:space="preserve"> </t>
    </r>
    <r>
      <rPr>
        <sz val="11"/>
        <rFont val="ＭＳ Ｐゴシック"/>
        <family val="3"/>
        <charset val="128"/>
      </rPr>
      <t>（ビスフェノール</t>
    </r>
    <r>
      <rPr>
        <sz val="11"/>
        <rFont val="Arial"/>
        <family val="2"/>
      </rPr>
      <t>A</t>
    </r>
    <r>
      <rPr>
        <sz val="11"/>
        <rFont val="ＭＳ Ｐゴシック"/>
        <family val="3"/>
        <charset val="128"/>
      </rPr>
      <t>）／</t>
    </r>
    <phoneticPr fontId="7"/>
  </si>
  <si>
    <r>
      <rPr>
        <sz val="11"/>
        <rFont val="ＭＳ Ｐゴシック"/>
        <family val="3"/>
        <charset val="128"/>
      </rPr>
      <t>ビス</t>
    </r>
    <r>
      <rPr>
        <sz val="11"/>
        <rFont val="Arial"/>
        <family val="2"/>
      </rPr>
      <t>(4-</t>
    </r>
    <r>
      <rPr>
        <sz val="11"/>
        <rFont val="ＭＳ Ｐゴシック"/>
        <family val="3"/>
        <charset val="128"/>
      </rPr>
      <t>ヒドロキシフェニル</t>
    </r>
    <r>
      <rPr>
        <sz val="11"/>
        <rFont val="Arial"/>
        <family val="2"/>
      </rPr>
      <t>)</t>
    </r>
    <r>
      <rPr>
        <sz val="11"/>
        <rFont val="ＭＳ Ｐゴシック"/>
        <family val="3"/>
        <charset val="128"/>
      </rPr>
      <t>スルホン</t>
    </r>
    <r>
      <rPr>
        <sz val="11"/>
        <rFont val="Arial"/>
        <family val="2"/>
      </rPr>
      <t xml:space="preserve"> </t>
    </r>
    <r>
      <rPr>
        <sz val="11"/>
        <rFont val="ＭＳ Ｐゴシック"/>
        <family val="3"/>
        <charset val="128"/>
      </rPr>
      <t>（ビスフェノール</t>
    </r>
    <r>
      <rPr>
        <sz val="11"/>
        <rFont val="Arial"/>
        <family val="2"/>
      </rPr>
      <t>S</t>
    </r>
    <r>
      <rPr>
        <sz val="11"/>
        <rFont val="ＭＳ Ｐゴシック"/>
        <family val="3"/>
        <charset val="128"/>
      </rPr>
      <t>）／</t>
    </r>
    <phoneticPr fontId="7"/>
  </si>
  <si>
    <r>
      <t>2-(2H-</t>
    </r>
    <r>
      <rPr>
        <sz val="11"/>
        <rFont val="ＭＳ Ｐゴシック"/>
        <family val="3"/>
        <charset val="128"/>
      </rPr>
      <t>ベンゾトリアゾール</t>
    </r>
    <r>
      <rPr>
        <sz val="11"/>
        <rFont val="Arial"/>
        <family val="2"/>
      </rPr>
      <t>-2-</t>
    </r>
    <r>
      <rPr>
        <sz val="11"/>
        <rFont val="ＭＳ Ｐゴシック"/>
        <family val="3"/>
        <charset val="128"/>
      </rPr>
      <t>イル</t>
    </r>
    <r>
      <rPr>
        <sz val="11"/>
        <rFont val="Arial"/>
        <family val="2"/>
      </rPr>
      <t>)-4,6-</t>
    </r>
    <r>
      <rPr>
        <sz val="11"/>
        <rFont val="ＭＳ Ｐゴシック"/>
        <family val="3"/>
        <charset val="128"/>
      </rPr>
      <t>ジ</t>
    </r>
    <r>
      <rPr>
        <sz val="11"/>
        <rFont val="Arial"/>
        <family val="2"/>
      </rPr>
      <t>-tert-</t>
    </r>
    <r>
      <rPr>
        <sz val="11"/>
        <rFont val="ＭＳ Ｐゴシック"/>
        <family val="3"/>
        <charset val="128"/>
      </rPr>
      <t>ペンチルフェノール</t>
    </r>
    <r>
      <rPr>
        <sz val="11"/>
        <rFont val="Arial"/>
        <family val="2"/>
      </rPr>
      <t xml:space="preserve"> </t>
    </r>
    <r>
      <rPr>
        <sz val="11"/>
        <rFont val="ＭＳ Ｐゴシック"/>
        <family val="3"/>
        <charset val="128"/>
      </rPr>
      <t>（</t>
    </r>
    <r>
      <rPr>
        <sz val="11"/>
        <rFont val="Arial"/>
        <family val="2"/>
      </rPr>
      <t>UV-328</t>
    </r>
    <r>
      <rPr>
        <sz val="11"/>
        <rFont val="ＭＳ Ｐゴシック"/>
        <family val="3"/>
        <charset val="128"/>
      </rPr>
      <t>）／</t>
    </r>
  </si>
  <si>
    <r>
      <t>(1)</t>
    </r>
    <r>
      <rPr>
        <sz val="11"/>
        <rFont val="ＭＳ Ｐゴシック"/>
        <family val="3"/>
        <charset val="128"/>
      </rPr>
      <t>意図的に添加していない／</t>
    </r>
    <phoneticPr fontId="7"/>
  </si>
  <si>
    <r>
      <rPr>
        <sz val="11"/>
        <rFont val="ＭＳ Ｐゴシック"/>
        <family val="3"/>
        <charset val="128"/>
      </rPr>
      <t>下記の</t>
    </r>
    <r>
      <rPr>
        <sz val="11"/>
        <rFont val="Arial"/>
        <family val="2"/>
      </rPr>
      <t xml:space="preserve"> (1)</t>
    </r>
    <r>
      <rPr>
        <sz val="11"/>
        <rFont val="ＭＳ Ｐゴシック"/>
        <family val="3"/>
        <charset val="128"/>
      </rPr>
      <t>及び</t>
    </r>
    <r>
      <rPr>
        <sz val="11"/>
        <rFont val="Arial"/>
        <family val="2"/>
      </rPr>
      <t xml:space="preserve">(2) </t>
    </r>
    <r>
      <rPr>
        <sz val="11"/>
        <rFont val="ＭＳ Ｐゴシック"/>
        <family val="3"/>
        <charset val="128"/>
      </rPr>
      <t xml:space="preserve">を満足している。
</t>
    </r>
    <r>
      <rPr>
        <sz val="11"/>
        <rFont val="Arial"/>
        <family val="2"/>
      </rPr>
      <t xml:space="preserve">(1) </t>
    </r>
    <r>
      <rPr>
        <sz val="11"/>
        <rFont val="ＭＳ Ｐゴシック"/>
        <family val="3"/>
        <charset val="128"/>
      </rPr>
      <t>全部品・部材において、</t>
    </r>
    <r>
      <rPr>
        <sz val="11"/>
        <rFont val="Arial"/>
        <family val="2"/>
      </rPr>
      <t>1000ppm</t>
    </r>
    <r>
      <rPr>
        <sz val="11"/>
        <rFont val="ＭＳ Ｐゴシック"/>
        <family val="3"/>
        <charset val="128"/>
      </rPr>
      <t xml:space="preserve">以下の含有である。
</t>
    </r>
    <r>
      <rPr>
        <sz val="11"/>
        <rFont val="Arial"/>
        <family val="2"/>
      </rPr>
      <t>(2) EU RoHS</t>
    </r>
    <r>
      <rPr>
        <sz val="11"/>
        <rFont val="ＭＳ Ｐゴシック"/>
        <family val="3"/>
        <charset val="128"/>
      </rPr>
      <t xml:space="preserve">指令の規制対象製品以外に使用される部品・部材にお
</t>
    </r>
    <r>
      <rPr>
        <sz val="11"/>
        <rFont val="Arial"/>
        <family val="2"/>
      </rPr>
      <t xml:space="preserve">    </t>
    </r>
    <r>
      <rPr>
        <sz val="11"/>
        <rFont val="ＭＳ Ｐゴシック"/>
        <family val="3"/>
        <charset val="128"/>
      </rPr>
      <t>いて、成形品質量中または混合物中、</t>
    </r>
    <r>
      <rPr>
        <sz val="11"/>
        <rFont val="Arial"/>
        <family val="2"/>
      </rPr>
      <t>500ppm</t>
    </r>
    <r>
      <rPr>
        <sz val="11"/>
        <rFont val="ＭＳ Ｐゴシック"/>
        <family val="3"/>
        <charset val="128"/>
      </rPr>
      <t>未満の含有である／</t>
    </r>
    <phoneticPr fontId="7"/>
  </si>
  <si>
    <r>
      <rPr>
        <sz val="11"/>
        <rFont val="ＭＳ Ｐゴシック"/>
        <family val="3"/>
        <charset val="128"/>
      </rPr>
      <t>意図的に添加せず、かつ成形品質量中</t>
    </r>
    <r>
      <rPr>
        <sz val="11"/>
        <rFont val="Arial"/>
        <family val="2"/>
      </rPr>
      <t>1000ppm</t>
    </r>
    <r>
      <rPr>
        <sz val="11"/>
        <rFont val="ＭＳ Ｐゴシック"/>
        <family val="3"/>
        <charset val="128"/>
      </rPr>
      <t>未満の含有である／</t>
    </r>
    <rPh sb="24" eb="26">
      <t>ミマン</t>
    </rPh>
    <phoneticPr fontId="7"/>
  </si>
  <si>
    <t>-</t>
    <phoneticPr fontId="7"/>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phoneticPr fontId="7"/>
  </si>
  <si>
    <r>
      <rPr>
        <sz val="10"/>
        <rFont val="ＭＳ Ｐゴシック"/>
        <family val="3"/>
        <charset val="128"/>
      </rPr>
      <t>（下記</t>
    </r>
    <r>
      <rPr>
        <sz val="10"/>
        <rFont val="Arial"/>
        <family val="2"/>
      </rPr>
      <t>No.5</t>
    </r>
    <r>
      <rPr>
        <sz val="10"/>
        <rFont val="ＭＳ Ｐゴシック"/>
        <family val="3"/>
        <charset val="128"/>
      </rPr>
      <t>と</t>
    </r>
    <r>
      <rPr>
        <sz val="10"/>
        <rFont val="Arial"/>
        <family val="2"/>
      </rPr>
      <t>6</t>
    </r>
    <r>
      <rPr>
        <sz val="10"/>
        <rFont val="ＭＳ Ｐゴシック"/>
        <family val="3"/>
        <charset val="128"/>
      </rPr>
      <t>に分離）</t>
    </r>
    <rPh sb="1" eb="3">
      <t>カキ</t>
    </rPh>
    <rPh sb="10" eb="12">
      <t>ブンリ</t>
    </rPh>
    <phoneticPr fontId="7"/>
  </si>
  <si>
    <r>
      <t>PFAS</t>
    </r>
    <r>
      <rPr>
        <sz val="10"/>
        <rFont val="ＭＳ Ｐゴシック"/>
        <family val="3"/>
        <charset val="128"/>
      </rPr>
      <t>を分けて記載に変更。</t>
    </r>
    <rPh sb="5" eb="6">
      <t>ワ</t>
    </rPh>
    <rPh sb="8" eb="10">
      <t>キサイ</t>
    </rPh>
    <rPh sb="11" eb="13">
      <t>ヘンコウ</t>
    </rPh>
    <phoneticPr fontId="7"/>
  </si>
  <si>
    <r>
      <t>chemSHERPA</t>
    </r>
    <r>
      <rPr>
        <sz val="11"/>
        <rFont val="ＭＳ Ｐゴシック"/>
        <family val="3"/>
        <charset val="128"/>
      </rPr>
      <t>最新版の管理対象物質に指定されている</t>
    </r>
    <r>
      <rPr>
        <sz val="11"/>
        <rFont val="Arial"/>
        <family val="2"/>
      </rPr>
      <t xml:space="preserve"> </t>
    </r>
    <r>
      <rPr>
        <sz val="11"/>
        <rFont val="ＭＳ Ｐゴシック"/>
        <family val="3"/>
        <charset val="128"/>
      </rPr>
      <t>ペルフルオロアルキル物質およびポリフルオロアルキル物質</t>
    </r>
    <r>
      <rPr>
        <sz val="11"/>
        <rFont val="Arial"/>
        <family val="2"/>
      </rPr>
      <t xml:space="preserve"> </t>
    </r>
    <r>
      <rPr>
        <sz val="11"/>
        <rFont val="ＭＳ Ｐゴシック"/>
        <family val="3"/>
        <charset val="128"/>
      </rPr>
      <t>（</t>
    </r>
    <r>
      <rPr>
        <sz val="11"/>
        <rFont val="Arial"/>
        <family val="2"/>
      </rPr>
      <t>PFAS</t>
    </r>
    <r>
      <rPr>
        <sz val="11"/>
        <rFont val="ＭＳ Ｐゴシック"/>
        <family val="3"/>
        <charset val="128"/>
      </rPr>
      <t>）</t>
    </r>
    <phoneticPr fontId="7"/>
  </si>
  <si>
    <r>
      <rPr>
        <sz val="10"/>
        <rFont val="ＭＳ Ｐゴシック"/>
        <family val="3"/>
        <charset val="128"/>
      </rPr>
      <t>上記</t>
    </r>
    <r>
      <rPr>
        <sz val="11"/>
        <rFont val="Arial"/>
        <family val="2"/>
      </rPr>
      <t>No.5</t>
    </r>
    <r>
      <rPr>
        <sz val="11"/>
        <rFont val="ＭＳ Ｐゴシック"/>
        <family val="3"/>
        <charset val="128"/>
      </rPr>
      <t>以外のペルフルオロアルキル物質およびポリフルオロアルキル物質</t>
    </r>
    <r>
      <rPr>
        <sz val="11"/>
        <rFont val="Arial"/>
        <family val="2"/>
      </rPr>
      <t xml:space="preserve"> </t>
    </r>
    <r>
      <rPr>
        <sz val="11"/>
        <rFont val="ＭＳ Ｐゴシック"/>
        <family val="3"/>
        <charset val="128"/>
      </rPr>
      <t>（</t>
    </r>
    <r>
      <rPr>
        <sz val="11"/>
        <rFont val="Arial"/>
        <family val="2"/>
      </rPr>
      <t>PFAS</t>
    </r>
    <r>
      <rPr>
        <sz val="11"/>
        <rFont val="ＭＳ Ｐゴシック"/>
        <family val="3"/>
        <charset val="128"/>
      </rPr>
      <t>）</t>
    </r>
    <phoneticPr fontId="7"/>
  </si>
  <si>
    <r>
      <rPr>
        <sz val="10"/>
        <rFont val="ＭＳ Ｐゴシック"/>
        <family val="3"/>
        <charset val="128"/>
      </rPr>
      <t>デクロランプラス並びにその</t>
    </r>
    <r>
      <rPr>
        <sz val="10"/>
        <rFont val="Arial"/>
        <family val="2"/>
      </rPr>
      <t>syn-</t>
    </r>
    <r>
      <rPr>
        <sz val="10"/>
        <rFont val="ＭＳ Ｐゴシック"/>
        <family val="3"/>
        <charset val="128"/>
      </rPr>
      <t>異性体及び</t>
    </r>
    <r>
      <rPr>
        <sz val="10"/>
        <rFont val="Arial"/>
        <family val="2"/>
      </rPr>
      <t>anti-</t>
    </r>
    <r>
      <rPr>
        <sz val="10"/>
        <rFont val="ＭＳ Ｐゴシック"/>
        <family val="3"/>
        <charset val="128"/>
      </rPr>
      <t>異性体</t>
    </r>
    <phoneticPr fontId="7"/>
  </si>
  <si>
    <r>
      <rPr>
        <sz val="10"/>
        <rFont val="ＭＳ Ｐゴシック"/>
        <family val="3"/>
        <charset val="128"/>
      </rPr>
      <t>炭素数が</t>
    </r>
    <r>
      <rPr>
        <sz val="10"/>
        <rFont val="Arial"/>
        <family val="2"/>
      </rPr>
      <t>15</t>
    </r>
    <r>
      <rPr>
        <sz val="10"/>
        <rFont val="ＭＳ Ｐゴシック"/>
        <family val="3"/>
        <charset val="128"/>
      </rPr>
      <t>から</t>
    </r>
    <r>
      <rPr>
        <sz val="10"/>
        <rFont val="Arial"/>
        <family val="2"/>
      </rPr>
      <t>21</t>
    </r>
    <r>
      <rPr>
        <sz val="10"/>
        <rFont val="ＭＳ Ｐゴシック"/>
        <family val="3"/>
        <charset val="128"/>
      </rPr>
      <t>のパーフルオロカルボン酸（</t>
    </r>
    <r>
      <rPr>
        <sz val="10"/>
        <rFont val="Arial"/>
        <family val="2"/>
      </rPr>
      <t>C15-C21 PFCAs</t>
    </r>
    <r>
      <rPr>
        <sz val="10"/>
        <rFont val="ＭＳ Ｐゴシック"/>
        <family val="3"/>
        <charset val="128"/>
      </rPr>
      <t>）とその塩および</t>
    </r>
    <r>
      <rPr>
        <sz val="10"/>
        <rFont val="Arial"/>
        <family val="2"/>
      </rPr>
      <t>C15-C21 PFCA</t>
    </r>
    <r>
      <rPr>
        <sz val="10"/>
        <rFont val="ＭＳ Ｐゴシック"/>
        <family val="3"/>
        <charset val="128"/>
      </rPr>
      <t>関連物質</t>
    </r>
    <phoneticPr fontId="7"/>
  </si>
  <si>
    <r>
      <rPr>
        <sz val="11"/>
        <rFont val="ＭＳ Ｐゴシック"/>
        <family val="3"/>
        <charset val="128"/>
      </rPr>
      <t>上記</t>
    </r>
    <r>
      <rPr>
        <sz val="11"/>
        <rFont val="Arial"/>
        <family val="2"/>
      </rPr>
      <t>No.5</t>
    </r>
    <r>
      <rPr>
        <sz val="11"/>
        <rFont val="ＭＳ Ｐゴシック"/>
        <family val="3"/>
        <charset val="128"/>
      </rPr>
      <t>以外のペルフルオロアルキル物質およびポリフルオロアルキル物質</t>
    </r>
    <r>
      <rPr>
        <sz val="11"/>
        <rFont val="Arial"/>
        <family val="2"/>
      </rPr>
      <t xml:space="preserve"> </t>
    </r>
    <r>
      <rPr>
        <sz val="11"/>
        <rFont val="ＭＳ Ｐゴシック"/>
        <family val="3"/>
        <charset val="128"/>
      </rPr>
      <t>（</t>
    </r>
    <r>
      <rPr>
        <sz val="11"/>
        <rFont val="Arial"/>
        <family val="2"/>
      </rPr>
      <t>PFAS</t>
    </r>
    <r>
      <rPr>
        <sz val="11"/>
        <rFont val="ＭＳ Ｐゴシック"/>
        <family val="3"/>
        <charset val="128"/>
      </rPr>
      <t>）</t>
    </r>
    <phoneticPr fontId="7"/>
  </si>
  <si>
    <r>
      <rPr>
        <sz val="11"/>
        <rFont val="ＭＳ Ｐゴシック"/>
        <family val="3"/>
        <charset val="128"/>
      </rPr>
      <t>下記の</t>
    </r>
    <r>
      <rPr>
        <sz val="11"/>
        <rFont val="Arial"/>
        <family val="2"/>
      </rPr>
      <t xml:space="preserve"> (1)</t>
    </r>
    <r>
      <rPr>
        <sz val="11"/>
        <rFont val="ＭＳ Ｐゴシック"/>
        <family val="3"/>
        <charset val="128"/>
      </rPr>
      <t>～</t>
    </r>
    <r>
      <rPr>
        <sz val="11"/>
        <rFont val="Arial"/>
        <family val="2"/>
      </rPr>
      <t xml:space="preserve">(4) </t>
    </r>
    <r>
      <rPr>
        <sz val="11"/>
        <rFont val="ＭＳ Ｐゴシック"/>
        <family val="3"/>
        <charset val="128"/>
      </rPr>
      <t xml:space="preserve">をすべて満足している。
</t>
    </r>
    <r>
      <rPr>
        <sz val="11"/>
        <rFont val="Arial"/>
        <family val="2"/>
      </rPr>
      <t xml:space="preserve">(1) </t>
    </r>
    <r>
      <rPr>
        <sz val="11"/>
        <rFont val="ＭＳ Ｐゴシック"/>
        <family val="3"/>
        <charset val="128"/>
      </rPr>
      <t>プラスチック類の場合は、</t>
    </r>
    <r>
      <rPr>
        <sz val="11"/>
        <rFont val="Arial"/>
        <family val="2"/>
      </rPr>
      <t>300ppm</t>
    </r>
    <r>
      <rPr>
        <sz val="11"/>
        <rFont val="ＭＳ Ｐゴシック"/>
        <family val="3"/>
        <charset val="128"/>
      </rPr>
      <t xml:space="preserve">以下の含有である。
</t>
    </r>
    <r>
      <rPr>
        <sz val="11"/>
        <rFont val="Arial"/>
        <family val="2"/>
      </rPr>
      <t xml:space="preserve">(2) </t>
    </r>
    <r>
      <rPr>
        <sz val="11"/>
        <rFont val="ＭＳ Ｐゴシック"/>
        <family val="3"/>
        <charset val="128"/>
      </rPr>
      <t>電池の場合は、</t>
    </r>
    <r>
      <rPr>
        <sz val="11"/>
        <rFont val="Arial"/>
        <family val="2"/>
      </rPr>
      <t>EU</t>
    </r>
    <r>
      <rPr>
        <sz val="11"/>
        <rFont val="ＭＳ Ｐゴシック"/>
        <family val="3"/>
        <charset val="128"/>
      </rPr>
      <t>電池指令（</t>
    </r>
    <r>
      <rPr>
        <sz val="11"/>
        <rFont val="Arial"/>
        <family val="2"/>
      </rPr>
      <t>2006/66/EC</t>
    </r>
    <r>
      <rPr>
        <sz val="11"/>
        <rFont val="ＭＳ Ｐゴシック"/>
        <family val="3"/>
        <charset val="128"/>
      </rPr>
      <t>、</t>
    </r>
    <r>
      <rPr>
        <sz val="11"/>
        <rFont val="Arial"/>
        <family val="2"/>
      </rPr>
      <t>2013/56/EU</t>
    </r>
    <r>
      <rPr>
        <sz val="11"/>
        <rFont val="ＭＳ Ｐゴシック"/>
        <family val="3"/>
        <charset val="128"/>
      </rPr>
      <t xml:space="preserve">）を
</t>
    </r>
    <r>
      <rPr>
        <sz val="11"/>
        <rFont val="Arial"/>
        <family val="2"/>
      </rPr>
      <t xml:space="preserve">     </t>
    </r>
    <r>
      <rPr>
        <sz val="11"/>
        <rFont val="ＭＳ Ｐゴシック"/>
        <family val="3"/>
        <charset val="128"/>
      </rPr>
      <t xml:space="preserve">満足している。
</t>
    </r>
    <r>
      <rPr>
        <sz val="11"/>
        <rFont val="Arial"/>
        <family val="2"/>
      </rPr>
      <t xml:space="preserve">(3) </t>
    </r>
    <r>
      <rPr>
        <sz val="11"/>
        <rFont val="ＭＳ Ｐゴシック"/>
        <family val="3"/>
        <charset val="128"/>
      </rPr>
      <t xml:space="preserve">おもちゃや子供向け用途の製品に使用される場合は、
</t>
    </r>
    <r>
      <rPr>
        <sz val="11"/>
        <rFont val="Arial"/>
        <family val="2"/>
      </rPr>
      <t xml:space="preserve">     A2-</t>
    </r>
    <r>
      <rPr>
        <sz val="11"/>
        <rFont val="ＭＳ Ｐゴシック"/>
        <family val="3"/>
        <charset val="128"/>
      </rPr>
      <t>別表の</t>
    </r>
    <r>
      <rPr>
        <sz val="11"/>
        <rFont val="Arial"/>
        <family val="2"/>
      </rPr>
      <t>2</t>
    </r>
    <r>
      <rPr>
        <sz val="11"/>
        <rFont val="ＭＳ Ｐゴシック"/>
        <family val="3"/>
        <charset val="128"/>
      </rPr>
      <t>の</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に記載の使用禁止基準に該当していない
</t>
    </r>
    <r>
      <rPr>
        <sz val="11"/>
        <rFont val="Arial"/>
        <family val="2"/>
      </rPr>
      <t xml:space="preserve">(4) </t>
    </r>
    <r>
      <rPr>
        <sz val="11"/>
        <rFont val="ＭＳ Ｐゴシック"/>
        <family val="3"/>
        <charset val="128"/>
      </rPr>
      <t>上記</t>
    </r>
    <r>
      <rPr>
        <sz val="11"/>
        <rFont val="Arial"/>
        <family val="2"/>
      </rPr>
      <t>(1)</t>
    </r>
    <r>
      <rPr>
        <sz val="11"/>
        <rFont val="ＭＳ Ｐゴシック"/>
        <family val="3"/>
        <charset val="128"/>
      </rPr>
      <t>～</t>
    </r>
    <r>
      <rPr>
        <sz val="11"/>
        <rFont val="Arial"/>
        <family val="2"/>
      </rPr>
      <t>(3)</t>
    </r>
    <r>
      <rPr>
        <sz val="11"/>
        <rFont val="ＭＳ Ｐゴシック"/>
        <family val="3"/>
        <charset val="128"/>
      </rPr>
      <t>以外の場合は、</t>
    </r>
    <r>
      <rPr>
        <sz val="11"/>
        <rFont val="Arial"/>
        <family val="2"/>
      </rPr>
      <t>1000ppm</t>
    </r>
    <r>
      <rPr>
        <sz val="11"/>
        <rFont val="ＭＳ Ｐゴシック"/>
        <family val="3"/>
        <charset val="128"/>
      </rPr>
      <t>以下の含有である／</t>
    </r>
    <rPh sb="16" eb="18">
      <t>マンゾク</t>
    </rPh>
    <rPh sb="162" eb="164">
      <t>キサイ</t>
    </rPh>
    <rPh sb="165" eb="167">
      <t>シヨウ</t>
    </rPh>
    <rPh sb="167" eb="169">
      <t>キンシ</t>
    </rPh>
    <rPh sb="169" eb="171">
      <t>キジュン</t>
    </rPh>
    <rPh sb="172" eb="174">
      <t>ガイトウ</t>
    </rPh>
    <phoneticPr fontId="7"/>
  </si>
  <si>
    <t>Perfluorohexane-1-sulphonic acid (PFHxS), its salts and PFHxS-related substances</t>
    <phoneticPr fontId="7"/>
  </si>
  <si>
    <r>
      <t xml:space="preserve">*4) CAS No. </t>
    </r>
    <r>
      <rPr>
        <sz val="9"/>
        <color theme="1"/>
        <rFont val="ＭＳ Ｐゴシック"/>
        <family val="3"/>
        <charset val="128"/>
      </rPr>
      <t>が次のものが対象です。（</t>
    </r>
    <r>
      <rPr>
        <sz val="9"/>
        <color theme="1"/>
        <rFont val="Arial"/>
        <family val="2"/>
      </rPr>
      <t>50-32-8</t>
    </r>
    <r>
      <rPr>
        <sz val="9"/>
        <color theme="1"/>
        <rFont val="ＭＳ Ｐゴシック"/>
        <family val="3"/>
        <charset val="128"/>
      </rPr>
      <t>、</t>
    </r>
    <r>
      <rPr>
        <sz val="9"/>
        <color theme="1"/>
        <rFont val="Arial"/>
        <family val="2"/>
      </rPr>
      <t>192-97-2</t>
    </r>
    <r>
      <rPr>
        <sz val="9"/>
        <color theme="1"/>
        <rFont val="ＭＳ Ｐゴシック"/>
        <family val="3"/>
        <charset val="128"/>
      </rPr>
      <t>、</t>
    </r>
    <r>
      <rPr>
        <sz val="9"/>
        <color theme="1"/>
        <rFont val="Arial"/>
        <family val="2"/>
      </rPr>
      <t>56-55-3</t>
    </r>
    <r>
      <rPr>
        <sz val="9"/>
        <color theme="1"/>
        <rFont val="ＭＳ Ｐゴシック"/>
        <family val="3"/>
        <charset val="128"/>
      </rPr>
      <t>、</t>
    </r>
    <r>
      <rPr>
        <sz val="9"/>
        <color theme="1"/>
        <rFont val="Arial"/>
        <family val="2"/>
      </rPr>
      <t>218-01-9</t>
    </r>
    <r>
      <rPr>
        <sz val="9"/>
        <color theme="1"/>
        <rFont val="ＭＳ Ｐゴシック"/>
        <family val="3"/>
        <charset val="128"/>
      </rPr>
      <t>、</t>
    </r>
    <r>
      <rPr>
        <sz val="9"/>
        <color theme="1"/>
        <rFont val="Arial"/>
        <family val="2"/>
      </rPr>
      <t>205-99-2</t>
    </r>
    <r>
      <rPr>
        <sz val="9"/>
        <color theme="1"/>
        <rFont val="ＭＳ Ｐゴシック"/>
        <family val="3"/>
        <charset val="128"/>
      </rPr>
      <t>、</t>
    </r>
    <r>
      <rPr>
        <sz val="9"/>
        <color theme="1"/>
        <rFont val="Arial"/>
        <family val="2"/>
      </rPr>
      <t>205-82-3</t>
    </r>
    <r>
      <rPr>
        <sz val="9"/>
        <color theme="1"/>
        <rFont val="ＭＳ Ｐゴシック"/>
        <family val="3"/>
        <charset val="128"/>
      </rPr>
      <t>、</t>
    </r>
    <r>
      <rPr>
        <sz val="9"/>
        <color theme="1"/>
        <rFont val="Arial"/>
        <family val="2"/>
      </rPr>
      <t>207-08-9</t>
    </r>
    <r>
      <rPr>
        <sz val="9"/>
        <color theme="1"/>
        <rFont val="ＭＳ Ｐゴシック"/>
        <family val="3"/>
        <charset val="128"/>
      </rPr>
      <t>、</t>
    </r>
    <r>
      <rPr>
        <sz val="9"/>
        <color theme="1"/>
        <rFont val="Arial"/>
        <family val="2"/>
      </rPr>
      <t>53-70-3</t>
    </r>
    <r>
      <rPr>
        <sz val="9"/>
        <color theme="1"/>
        <rFont val="ＭＳ Ｐゴシック"/>
        <family val="3"/>
        <charset val="128"/>
      </rPr>
      <t>）／</t>
    </r>
    <phoneticPr fontId="7"/>
  </si>
  <si>
    <r>
      <rPr>
        <sz val="11"/>
        <rFont val="ＭＳ Ｐゴシック"/>
        <family val="3"/>
        <charset val="128"/>
      </rPr>
      <t>対象</t>
    </r>
    <r>
      <rPr>
        <sz val="11"/>
        <rFont val="Arial"/>
        <family val="2"/>
      </rPr>
      <t>PAH</t>
    </r>
    <r>
      <rPr>
        <sz val="9"/>
        <rFont val="Arial"/>
        <family val="2"/>
      </rPr>
      <t xml:space="preserve"> *4)</t>
    </r>
    <r>
      <rPr>
        <sz val="11"/>
        <rFont val="Arial"/>
        <family val="2"/>
      </rPr>
      <t xml:space="preserve"> </t>
    </r>
    <r>
      <rPr>
        <sz val="11"/>
        <rFont val="ＭＳ Ｐゴシック"/>
        <family val="3"/>
        <charset val="128"/>
      </rPr>
      <t>それぞれが</t>
    </r>
    <r>
      <rPr>
        <sz val="11"/>
        <rFont val="Arial"/>
        <family val="2"/>
      </rPr>
      <t xml:space="preserve"> 1ppm</t>
    </r>
    <r>
      <rPr>
        <sz val="11"/>
        <rFont val="ＭＳ Ｐゴシック"/>
        <family val="3"/>
        <charset val="128"/>
      </rPr>
      <t>未満の含有である／</t>
    </r>
    <phoneticPr fontId="7"/>
  </si>
  <si>
    <t>Content is less than 1ppm regarding target  PAHs *4).</t>
    <phoneticPr fontId="7"/>
  </si>
  <si>
    <t>Halogenated compound (Halogenated flame retardant etc.)</t>
    <phoneticPr fontId="7"/>
  </si>
  <si>
    <t>The following (1) and (2) are to be satisfied
(1) Halogenated flame retardants are Not intentionally added.
(2) In the case used for (1) in 17 of B2-Appendix, 
    total content of all halogen elements in the homogeneous material is 0.1wt% or less.</t>
    <phoneticPr fontId="7"/>
  </si>
  <si>
    <r>
      <rPr>
        <sz val="10"/>
        <rFont val="ＭＳ Ｐゴシック"/>
        <family val="3"/>
        <charset val="128"/>
      </rPr>
      <t>ハロゲン化合物（ハロゲン系難燃剤等）</t>
    </r>
  </si>
  <si>
    <r>
      <rPr>
        <sz val="10"/>
        <rFont val="ＭＳ Ｐゴシック"/>
        <family val="3"/>
        <charset val="128"/>
      </rPr>
      <t>化学物質名及び確認内容（判定基準）を変更。</t>
    </r>
  </si>
  <si>
    <r>
      <rPr>
        <sz val="11"/>
        <rFont val="ＭＳ Ｐゴシック"/>
        <family val="3"/>
        <charset val="128"/>
      </rPr>
      <t>ハロゲン化合物（ハロゲン系難燃剤等）／</t>
    </r>
    <r>
      <rPr>
        <sz val="9"/>
        <rFont val="Arial"/>
        <family val="2"/>
      </rPr>
      <t>Halogenated compound (Halogenated flame retardant etc.)</t>
    </r>
    <phoneticPr fontId="7"/>
  </si>
  <si>
    <r>
      <rPr>
        <sz val="11"/>
        <rFont val="ＭＳ Ｐゴシック"/>
        <family val="3"/>
        <charset val="128"/>
      </rPr>
      <t>ハロゲン化合物（ハロゲン系難燃剤等）／</t>
    </r>
    <phoneticPr fontId="7"/>
  </si>
  <si>
    <r>
      <rPr>
        <sz val="11"/>
        <rFont val="ＭＳ Ｐゴシック"/>
        <family val="3"/>
        <charset val="128"/>
      </rPr>
      <t>下記</t>
    </r>
    <r>
      <rPr>
        <sz val="11"/>
        <rFont val="Arial"/>
        <family val="2"/>
      </rPr>
      <t>(1)</t>
    </r>
    <r>
      <rPr>
        <sz val="11"/>
        <rFont val="ＭＳ Ｐゴシック"/>
        <family val="3"/>
        <charset val="128"/>
      </rPr>
      <t>及び</t>
    </r>
    <r>
      <rPr>
        <sz val="11"/>
        <rFont val="Arial"/>
        <family val="2"/>
      </rPr>
      <t>(2)</t>
    </r>
    <r>
      <rPr>
        <sz val="11"/>
        <rFont val="ＭＳ Ｐゴシック"/>
        <family val="3"/>
        <charset val="128"/>
      </rPr>
      <t xml:space="preserve">を満たす。
</t>
    </r>
    <r>
      <rPr>
        <sz val="11"/>
        <rFont val="Arial"/>
        <family val="2"/>
      </rPr>
      <t xml:space="preserve">(1) </t>
    </r>
    <r>
      <rPr>
        <sz val="11"/>
        <rFont val="ＭＳ Ｐゴシック"/>
        <family val="3"/>
        <charset val="128"/>
      </rPr>
      <t xml:space="preserve">ハロゲン系難燃剤を意図的に添加していない
</t>
    </r>
    <r>
      <rPr>
        <sz val="11"/>
        <rFont val="Arial"/>
        <family val="2"/>
      </rPr>
      <t>(2) B2-</t>
    </r>
    <r>
      <rPr>
        <sz val="11"/>
        <rFont val="ＭＳ Ｐゴシック"/>
        <family val="3"/>
        <charset val="128"/>
      </rPr>
      <t>別表の</t>
    </r>
    <r>
      <rPr>
        <sz val="11"/>
        <rFont val="Arial"/>
        <family val="2"/>
      </rPr>
      <t>17</t>
    </r>
    <r>
      <rPr>
        <sz val="11"/>
        <rFont val="ＭＳ Ｐゴシック"/>
        <family val="3"/>
        <charset val="128"/>
      </rPr>
      <t>の</t>
    </r>
    <r>
      <rPr>
        <sz val="11"/>
        <rFont val="Arial"/>
        <family val="2"/>
      </rPr>
      <t>(1)</t>
    </r>
    <r>
      <rPr>
        <sz val="11"/>
        <rFont val="ＭＳ Ｐゴシック"/>
        <family val="3"/>
        <charset val="128"/>
      </rPr>
      <t xml:space="preserve">の用途に使用されている場合は、
</t>
    </r>
    <r>
      <rPr>
        <sz val="11"/>
        <rFont val="Arial"/>
        <family val="2"/>
      </rPr>
      <t xml:space="preserve">   </t>
    </r>
    <r>
      <rPr>
        <sz val="11"/>
        <rFont val="ＭＳ Ｐゴシック"/>
        <family val="3"/>
        <charset val="128"/>
      </rPr>
      <t>均質材料中のすべてのハロゲン元素の合計が</t>
    </r>
    <r>
      <rPr>
        <sz val="11"/>
        <rFont val="Arial"/>
        <family val="2"/>
      </rPr>
      <t>0.1wt%</t>
    </r>
    <r>
      <rPr>
        <sz val="11"/>
        <rFont val="ＭＳ Ｐゴシック"/>
        <family val="3"/>
        <charset val="128"/>
      </rPr>
      <t>以下の含有である／</t>
    </r>
    <phoneticPr fontId="7"/>
  </si>
  <si>
    <t>条件付使用禁止物質に変更。</t>
    <rPh sb="0" eb="2">
      <t>ジョウケン</t>
    </rPh>
    <rPh sb="2" eb="3">
      <t>ツキ</t>
    </rPh>
    <rPh sb="3" eb="5">
      <t>シヨウ</t>
    </rPh>
    <rPh sb="5" eb="7">
      <t>キンシ</t>
    </rPh>
    <rPh sb="7" eb="9">
      <t>ブッシツ</t>
    </rPh>
    <rPh sb="10" eb="12">
      <t>ヘンコウ</t>
    </rPh>
    <phoneticPr fontId="7"/>
  </si>
  <si>
    <r>
      <rPr>
        <sz val="9"/>
        <rFont val="ＭＳ Ｐゴシック"/>
        <family val="3"/>
        <charset val="128"/>
      </rPr>
      <t>［このシートは提出不要です］</t>
    </r>
    <rPh sb="7" eb="9">
      <t>テイシュツ</t>
    </rPh>
    <rPh sb="9" eb="11">
      <t>フヨウ</t>
    </rPh>
    <phoneticPr fontId="7"/>
  </si>
  <si>
    <t>1.</t>
    <phoneticPr fontId="7"/>
  </si>
  <si>
    <r>
      <rPr>
        <sz val="11"/>
        <rFont val="ＭＳ Ｐゴシック"/>
        <family val="3"/>
        <charset val="128"/>
      </rPr>
      <t>本報告書は以下のシートで構成されています：</t>
    </r>
    <rPh sb="0" eb="1">
      <t>ホン</t>
    </rPh>
    <rPh sb="1" eb="4">
      <t>ホウコクショ</t>
    </rPh>
    <rPh sb="5" eb="7">
      <t>イカ</t>
    </rPh>
    <rPh sb="12" eb="14">
      <t>コウセイ</t>
    </rPh>
    <phoneticPr fontId="7"/>
  </si>
  <si>
    <r>
      <t xml:space="preserve"> </t>
    </r>
    <r>
      <rPr>
        <sz val="9"/>
        <rFont val="ＭＳ Ｐゴシック"/>
        <family val="3"/>
        <charset val="128"/>
      </rPr>
      <t>シート</t>
    </r>
    <phoneticPr fontId="7"/>
  </si>
  <si>
    <r>
      <t xml:space="preserve"> </t>
    </r>
    <r>
      <rPr>
        <sz val="9"/>
        <rFont val="ＭＳ Ｐゴシック"/>
        <family val="3"/>
        <charset val="128"/>
      </rPr>
      <t>内容</t>
    </r>
    <rPh sb="1" eb="3">
      <t>ナイヨウ</t>
    </rPh>
    <phoneticPr fontId="7"/>
  </si>
  <si>
    <r>
      <rPr>
        <sz val="9"/>
        <rFont val="ＭＳ Ｐゴシック"/>
        <family val="3"/>
        <charset val="128"/>
      </rPr>
      <t>ページ</t>
    </r>
    <phoneticPr fontId="7"/>
  </si>
  <si>
    <r>
      <t xml:space="preserve"> A1. </t>
    </r>
    <r>
      <rPr>
        <sz val="9"/>
        <rFont val="ＭＳ Ｐゴシック"/>
        <family val="3"/>
        <charset val="128"/>
      </rPr>
      <t>全面的に使用を禁止する化学物質の製品への含有について</t>
    </r>
    <rPh sb="21" eb="23">
      <t>セイヒン</t>
    </rPh>
    <phoneticPr fontId="7"/>
  </si>
  <si>
    <r>
      <t xml:space="preserve"> A2. </t>
    </r>
    <r>
      <rPr>
        <sz val="9"/>
        <rFont val="ＭＳ Ｐゴシック"/>
        <family val="3"/>
        <charset val="128"/>
      </rPr>
      <t>条件により使用を禁止する化学物質の製品への含有について</t>
    </r>
    <rPh sb="22" eb="24">
      <t>セイヒン</t>
    </rPh>
    <phoneticPr fontId="7"/>
  </si>
  <si>
    <r>
      <t xml:space="preserve"> B1. </t>
    </r>
    <r>
      <rPr>
        <sz val="9"/>
        <rFont val="ＭＳ Ｐゴシック"/>
        <family val="3"/>
        <charset val="128"/>
      </rPr>
      <t>全面的に使用を禁止する化学物質の製品への含有について</t>
    </r>
    <phoneticPr fontId="7"/>
  </si>
  <si>
    <r>
      <t xml:space="preserve"> B2. </t>
    </r>
    <r>
      <rPr>
        <sz val="9"/>
        <rFont val="ＭＳ Ｐゴシック"/>
        <family val="3"/>
        <charset val="128"/>
      </rPr>
      <t>条件により使用を禁止する化学物質の製品への含有について</t>
    </r>
    <phoneticPr fontId="7"/>
  </si>
  <si>
    <r>
      <t xml:space="preserve"> B3. </t>
    </r>
    <r>
      <rPr>
        <sz val="9"/>
        <rFont val="ＭＳ Ｐゴシック"/>
        <family val="3"/>
        <charset val="128"/>
      </rPr>
      <t>オゾン層破壊物質の製品への含有及び製造工程での使用有無について</t>
    </r>
    <phoneticPr fontId="7"/>
  </si>
  <si>
    <r>
      <t>1/2</t>
    </r>
    <r>
      <rPr>
        <sz val="9"/>
        <rFont val="ＭＳ Ｐゴシック"/>
        <family val="3"/>
        <charset val="128"/>
      </rPr>
      <t>～</t>
    </r>
    <r>
      <rPr>
        <sz val="9"/>
        <rFont val="Arial"/>
        <family val="2"/>
      </rPr>
      <t>2/2</t>
    </r>
    <phoneticPr fontId="7"/>
  </si>
  <si>
    <r>
      <t xml:space="preserve"> A2-</t>
    </r>
    <r>
      <rPr>
        <sz val="9"/>
        <rFont val="ＭＳ Ｐゴシック"/>
        <family val="3"/>
        <charset val="128"/>
      </rPr>
      <t>別表</t>
    </r>
    <rPh sb="4" eb="6">
      <t>ベッピョウ</t>
    </rPh>
    <phoneticPr fontId="7"/>
  </si>
  <si>
    <r>
      <t xml:space="preserve"> B2-</t>
    </r>
    <r>
      <rPr>
        <sz val="9"/>
        <rFont val="ＭＳ Ｐゴシック"/>
        <family val="3"/>
        <charset val="128"/>
      </rPr>
      <t>別表</t>
    </r>
    <rPh sb="4" eb="6">
      <t>ベッピョウ</t>
    </rPh>
    <phoneticPr fontId="7"/>
  </si>
  <si>
    <t>2.</t>
    <phoneticPr fontId="7"/>
  </si>
  <si>
    <r>
      <rPr>
        <sz val="11"/>
        <rFont val="ＭＳ Ｐゴシック"/>
        <family val="3"/>
        <charset val="128"/>
      </rPr>
      <t>作成日</t>
    </r>
    <rPh sb="0" eb="3">
      <t>サクセイビ</t>
    </rPh>
    <phoneticPr fontId="7"/>
  </si>
  <si>
    <r>
      <rPr>
        <sz val="11"/>
        <rFont val="ＭＳ Ｐゴシック"/>
        <family val="3"/>
        <charset val="128"/>
      </rPr>
      <t>会社名・部署名</t>
    </r>
    <rPh sb="0" eb="3">
      <t>カイシャメイ</t>
    </rPh>
    <rPh sb="4" eb="6">
      <t>ブショ</t>
    </rPh>
    <rPh sb="6" eb="7">
      <t>メイ</t>
    </rPh>
    <phoneticPr fontId="7"/>
  </si>
  <si>
    <r>
      <rPr>
        <sz val="11"/>
        <rFont val="ＭＳ Ｐゴシック"/>
        <family val="3"/>
        <charset val="128"/>
      </rPr>
      <t>責任者、記入者の入力（記入）および押印またはサインをしてください。</t>
    </r>
    <rPh sb="0" eb="3">
      <t>セキニンシャ</t>
    </rPh>
    <rPh sb="4" eb="6">
      <t>キニュウ</t>
    </rPh>
    <rPh sb="6" eb="7">
      <t>シャ</t>
    </rPh>
    <rPh sb="8" eb="10">
      <t>ニュウリョク</t>
    </rPh>
    <rPh sb="11" eb="13">
      <t>キニュウ</t>
    </rPh>
    <rPh sb="17" eb="19">
      <t>オウイン</t>
    </rPh>
    <phoneticPr fontId="7"/>
  </si>
  <si>
    <r>
      <rPr>
        <sz val="11"/>
        <rFont val="ＭＳ Ｐゴシック"/>
        <family val="3"/>
        <charset val="128"/>
      </rPr>
      <t>［日本語又は英語で入力（記入）して下さい。その他言語は使用しないで下さい。］</t>
    </r>
    <phoneticPr fontId="7"/>
  </si>
  <si>
    <t>3.</t>
    <phoneticPr fontId="7"/>
  </si>
  <si>
    <r>
      <t>1</t>
    </r>
    <r>
      <rPr>
        <sz val="10.5"/>
        <rFont val="ＭＳ Ｐゴシック"/>
        <family val="3"/>
        <charset val="128"/>
      </rPr>
      <t>）</t>
    </r>
    <r>
      <rPr>
        <sz val="10.5"/>
        <rFont val="Arial"/>
        <family val="2"/>
      </rPr>
      <t xml:space="preserve"> </t>
    </r>
    <r>
      <rPr>
        <sz val="10.5"/>
        <rFont val="ＭＳ Ｐゴシック"/>
        <family val="3"/>
        <charset val="128"/>
      </rPr>
      <t>製品名</t>
    </r>
    <rPh sb="3" eb="6">
      <t>セイヒンメイ</t>
    </rPh>
    <phoneticPr fontId="7"/>
  </si>
  <si>
    <r>
      <rPr>
        <sz val="10.5"/>
        <rFont val="ＭＳ Ｐゴシック"/>
        <family val="3"/>
        <charset val="128"/>
      </rPr>
      <t>：</t>
    </r>
    <phoneticPr fontId="7"/>
  </si>
  <si>
    <r>
      <rPr>
        <sz val="10.5"/>
        <rFont val="ＭＳ Ｐゴシック"/>
        <family val="3"/>
        <charset val="128"/>
      </rPr>
      <t>納入いただく製品名</t>
    </r>
    <phoneticPr fontId="7"/>
  </si>
  <si>
    <r>
      <rPr>
        <sz val="10.5"/>
        <rFont val="ＭＳ Ｐゴシック"/>
        <family val="3"/>
        <charset val="128"/>
      </rPr>
      <t>納入いただく製品に割り当てられた当社の部品コード</t>
    </r>
    <phoneticPr fontId="7"/>
  </si>
  <si>
    <r>
      <t>3</t>
    </r>
    <r>
      <rPr>
        <sz val="10.5"/>
        <rFont val="ＭＳ Ｐゴシック"/>
        <family val="3"/>
        <charset val="128"/>
      </rPr>
      <t>）</t>
    </r>
    <r>
      <rPr>
        <sz val="10.5"/>
        <rFont val="Arial"/>
        <family val="2"/>
      </rPr>
      <t xml:space="preserve"> </t>
    </r>
    <r>
      <rPr>
        <sz val="10.5"/>
        <rFont val="ＭＳ Ｐゴシック"/>
        <family val="3"/>
        <charset val="128"/>
      </rPr>
      <t>メーカー型番</t>
    </r>
    <rPh sb="7" eb="9">
      <t>カタバン</t>
    </rPh>
    <phoneticPr fontId="7"/>
  </si>
  <si>
    <r>
      <rPr>
        <sz val="10.5"/>
        <rFont val="ＭＳ Ｐゴシック"/>
        <family val="3"/>
        <charset val="128"/>
      </rPr>
      <t>納入いただく製品の貴社型番</t>
    </r>
    <rPh sb="9" eb="11">
      <t>キシャ</t>
    </rPh>
    <phoneticPr fontId="7"/>
  </si>
  <si>
    <r>
      <t>4</t>
    </r>
    <r>
      <rPr>
        <sz val="10.5"/>
        <rFont val="ＭＳ Ｐゴシック"/>
        <family val="3"/>
        <charset val="128"/>
      </rPr>
      <t>）</t>
    </r>
    <r>
      <rPr>
        <sz val="10.5"/>
        <rFont val="Arial"/>
        <family val="2"/>
      </rPr>
      <t xml:space="preserve"> </t>
    </r>
    <r>
      <rPr>
        <sz val="10.5"/>
        <rFont val="ＭＳ Ｐゴシック"/>
        <family val="3"/>
        <charset val="128"/>
      </rPr>
      <t>製品質量［</t>
    </r>
    <r>
      <rPr>
        <sz val="10.5"/>
        <rFont val="Arial"/>
        <family val="2"/>
      </rPr>
      <t>g</t>
    </r>
    <r>
      <rPr>
        <sz val="10.5"/>
        <rFont val="ＭＳ Ｐゴシック"/>
        <family val="3"/>
        <charset val="128"/>
      </rPr>
      <t>］</t>
    </r>
    <rPh sb="3" eb="5">
      <t>セイヒン</t>
    </rPh>
    <rPh sb="5" eb="7">
      <t>シツリョウ</t>
    </rPh>
    <phoneticPr fontId="7"/>
  </si>
  <si>
    <r>
      <rPr>
        <sz val="10.5"/>
        <rFont val="ＭＳ Ｐゴシック"/>
        <family val="3"/>
        <charset val="128"/>
      </rPr>
      <t>納入いただく製品の質量</t>
    </r>
    <phoneticPr fontId="7"/>
  </si>
  <si>
    <t>4.</t>
    <phoneticPr fontId="7"/>
  </si>
  <si>
    <r>
      <t>4</t>
    </r>
    <r>
      <rPr>
        <sz val="10.5"/>
        <rFont val="ＭＳ Ｐゴシック"/>
        <family val="3"/>
        <charset val="128"/>
      </rPr>
      <t>）</t>
    </r>
    <r>
      <rPr>
        <sz val="10.5"/>
        <rFont val="Arial"/>
        <family val="2"/>
      </rPr>
      <t xml:space="preserve"> </t>
    </r>
    <r>
      <rPr>
        <sz val="10.5"/>
        <rFont val="ＭＳ Ｐゴシック"/>
        <family val="3"/>
        <charset val="128"/>
      </rPr>
      <t>生産地（工場名）</t>
    </r>
    <rPh sb="3" eb="6">
      <t>セイサンチ</t>
    </rPh>
    <rPh sb="7" eb="9">
      <t>コウジョウ</t>
    </rPh>
    <rPh sb="9" eb="10">
      <t>メイ</t>
    </rPh>
    <phoneticPr fontId="7"/>
  </si>
  <si>
    <r>
      <rPr>
        <sz val="10.5"/>
        <rFont val="ＭＳ Ｐゴシック"/>
        <family val="3"/>
        <charset val="128"/>
      </rPr>
      <t>納入いただく製品の生産地（工場名）</t>
    </r>
    <rPh sb="9" eb="12">
      <t>セイサンチ</t>
    </rPh>
    <rPh sb="13" eb="15">
      <t>コウジョウ</t>
    </rPh>
    <rPh sb="15" eb="16">
      <t>メイ</t>
    </rPh>
    <phoneticPr fontId="7"/>
  </si>
  <si>
    <t>5.</t>
    <phoneticPr fontId="7"/>
  </si>
  <si>
    <r>
      <rPr>
        <sz val="11"/>
        <rFont val="ＭＳ Ｐゴシック"/>
        <family val="3"/>
        <charset val="128"/>
      </rPr>
      <t>直接本エクセルシートに入力いただく場合、</t>
    </r>
    <rPh sb="0" eb="2">
      <t>チョクセツ</t>
    </rPh>
    <rPh sb="2" eb="3">
      <t>ホン</t>
    </rPh>
    <rPh sb="11" eb="13">
      <t>ニュウリョク</t>
    </rPh>
    <rPh sb="17" eb="19">
      <t>バアイ</t>
    </rPh>
    <phoneticPr fontId="7"/>
  </si>
  <si>
    <r>
      <rPr>
        <sz val="11"/>
        <rFont val="ＭＳ Ｐゴシック"/>
        <family val="3"/>
        <charset val="128"/>
      </rPr>
      <t>「確認結果／</t>
    </r>
    <r>
      <rPr>
        <sz val="11"/>
        <rFont val="Arial"/>
        <family val="2"/>
      </rPr>
      <t>Result</t>
    </r>
    <r>
      <rPr>
        <sz val="11"/>
        <rFont val="ＭＳ Ｐゴシック"/>
        <family val="3"/>
        <charset val="128"/>
      </rPr>
      <t>」欄はドロップダウンとなっていますので、</t>
    </r>
    <rPh sb="1" eb="3">
      <t>カクニン</t>
    </rPh>
    <rPh sb="3" eb="5">
      <t>ケッカ</t>
    </rPh>
    <rPh sb="13" eb="14">
      <t>ラン</t>
    </rPh>
    <phoneticPr fontId="7"/>
  </si>
  <si>
    <r>
      <rPr>
        <sz val="11"/>
        <rFont val="ＭＳ Ｐゴシック"/>
        <family val="3"/>
        <charset val="128"/>
      </rPr>
      <t>表示されるリストより結果を選択してください。</t>
    </r>
    <rPh sb="0" eb="2">
      <t>ヒョウジ</t>
    </rPh>
    <rPh sb="10" eb="12">
      <t>ケッカ</t>
    </rPh>
    <rPh sb="13" eb="15">
      <t>センタク</t>
    </rPh>
    <phoneticPr fontId="7"/>
  </si>
  <si>
    <t>6.</t>
    <phoneticPr fontId="7"/>
  </si>
  <si>
    <r>
      <rPr>
        <sz val="11"/>
        <rFont val="ＭＳ Ｐゴシック"/>
        <family val="3"/>
        <charset val="128"/>
      </rPr>
      <t>報告書への入力（記載）内容に変更が生じた場合は、</t>
    </r>
    <rPh sb="0" eb="3">
      <t>ホウコクショ</t>
    </rPh>
    <rPh sb="5" eb="7">
      <t>ニュウリョク</t>
    </rPh>
    <rPh sb="8" eb="10">
      <t>キサイ</t>
    </rPh>
    <rPh sb="11" eb="13">
      <t>ナイヨウ</t>
    </rPh>
    <rPh sb="14" eb="16">
      <t>ヘンコウ</t>
    </rPh>
    <rPh sb="17" eb="18">
      <t>ショウ</t>
    </rPh>
    <rPh sb="20" eb="22">
      <t>バアイ</t>
    </rPh>
    <phoneticPr fontId="7"/>
  </si>
  <si>
    <r>
      <rPr>
        <sz val="11"/>
        <rFont val="ＭＳ Ｐゴシック"/>
        <family val="3"/>
        <charset val="128"/>
      </rPr>
      <t>速やかに変更した報告書を提出してください。</t>
    </r>
    <rPh sb="0" eb="1">
      <t>スミ</t>
    </rPh>
    <rPh sb="4" eb="6">
      <t>ヘンコウ</t>
    </rPh>
    <rPh sb="8" eb="10">
      <t>ホウコク</t>
    </rPh>
    <rPh sb="10" eb="11">
      <t>ショ</t>
    </rPh>
    <rPh sb="12" eb="14">
      <t>テイシュツ</t>
    </rPh>
    <phoneticPr fontId="7"/>
  </si>
  <si>
    <t>&lt; Applicable
/ Not Applicable &gt;</t>
    <phoneticPr fontId="7"/>
  </si>
  <si>
    <t>Applicable</t>
  </si>
  <si>
    <t>Not Applicable</t>
  </si>
  <si>
    <t xml:space="preserve">[There is no need to attach] </t>
    <phoneticPr fontId="7"/>
  </si>
  <si>
    <r>
      <t>This report consists of following sheets</t>
    </r>
    <r>
      <rPr>
        <sz val="11"/>
        <rFont val="ＭＳ Ｐゴシック"/>
        <family val="3"/>
        <charset val="128"/>
      </rPr>
      <t>：</t>
    </r>
    <phoneticPr fontId="7"/>
  </si>
  <si>
    <t xml:space="preserve"> Sheet</t>
    <phoneticPr fontId="7"/>
  </si>
  <si>
    <t xml:space="preserve"> Content</t>
    <phoneticPr fontId="7"/>
  </si>
  <si>
    <t>Page</t>
    <phoneticPr fontId="7"/>
  </si>
  <si>
    <t xml:space="preserve"> A1. Presence of banned substances in the product</t>
    <phoneticPr fontId="7"/>
  </si>
  <si>
    <t xml:space="preserve"> A2. Presence of banned substances depending on application</t>
    <phoneticPr fontId="7"/>
  </si>
  <si>
    <t xml:space="preserve"> B1. Presence of banned substances in the product</t>
    <phoneticPr fontId="7"/>
  </si>
  <si>
    <t xml:space="preserve"> B2. Presence of banned substances depending on application</t>
    <phoneticPr fontId="7"/>
  </si>
  <si>
    <t xml:space="preserve"> B3. Ozone-depleting substances contained in the product or used in manufacturing</t>
    <phoneticPr fontId="7"/>
  </si>
  <si>
    <t xml:space="preserve"> A2-Appendix</t>
    <phoneticPr fontId="7"/>
  </si>
  <si>
    <t xml:space="preserve"> B2-Appendix</t>
    <phoneticPr fontId="7"/>
  </si>
  <si>
    <t xml:space="preserve">In this report, there are entry fields as follows: </t>
    <phoneticPr fontId="7"/>
  </si>
  <si>
    <t>- "Date"</t>
    <phoneticPr fontId="7"/>
  </si>
  <si>
    <t>- "Company name"</t>
    <phoneticPr fontId="7"/>
  </si>
  <si>
    <t>- "Department"</t>
    <phoneticPr fontId="7"/>
  </si>
  <si>
    <t>- "Responsible by" and his/her signature or seal</t>
    <phoneticPr fontId="7"/>
  </si>
  <si>
    <t>- "Written by" and his/her signature or seal</t>
    <phoneticPr fontId="7"/>
  </si>
  <si>
    <t>Please fill in above fields.</t>
    <phoneticPr fontId="7"/>
  </si>
  <si>
    <t>Use only Japanese or English, don't use other language.</t>
    <phoneticPr fontId="7"/>
  </si>
  <si>
    <r>
      <t>1</t>
    </r>
    <r>
      <rPr>
        <sz val="11"/>
        <rFont val="ＭＳ Ｐゴシック"/>
        <family val="3"/>
        <charset val="128"/>
      </rPr>
      <t>）</t>
    </r>
    <r>
      <rPr>
        <sz val="11"/>
        <rFont val="Arial"/>
        <family val="2"/>
      </rPr>
      <t xml:space="preserve"> Product Name : the name of the product which you deliver</t>
    </r>
    <phoneticPr fontId="7"/>
  </si>
  <si>
    <r>
      <t>3</t>
    </r>
    <r>
      <rPr>
        <sz val="11"/>
        <rFont val="ＭＳ Ｐゴシック"/>
        <family val="3"/>
        <charset val="128"/>
      </rPr>
      <t>）</t>
    </r>
    <r>
      <rPr>
        <sz val="11"/>
        <rFont val="Arial"/>
        <family val="2"/>
      </rPr>
      <t xml:space="preserve"> Manufacturer's Model Code: the model code assigned by your company</t>
    </r>
    <phoneticPr fontId="7"/>
  </si>
  <si>
    <r>
      <t>4</t>
    </r>
    <r>
      <rPr>
        <sz val="11"/>
        <rFont val="ＭＳ Ｐゴシック"/>
        <family val="3"/>
        <charset val="128"/>
      </rPr>
      <t>）</t>
    </r>
    <r>
      <rPr>
        <sz val="11"/>
        <rFont val="Arial"/>
        <family val="2"/>
      </rPr>
      <t xml:space="preserve"> Product Weight [g] : the weight of the product which you deliver </t>
    </r>
    <phoneticPr fontId="7"/>
  </si>
  <si>
    <r>
      <t>4</t>
    </r>
    <r>
      <rPr>
        <sz val="11"/>
        <rFont val="ＭＳ Ｐゴシック"/>
        <family val="3"/>
        <charset val="128"/>
      </rPr>
      <t>）</t>
    </r>
    <r>
      <rPr>
        <sz val="11"/>
        <rFont val="Arial"/>
        <family val="2"/>
      </rPr>
      <t xml:space="preserve"> Place of production (Factory name) : production location (factory name) of product which you deliver</t>
    </r>
    <phoneticPr fontId="7"/>
  </si>
  <si>
    <t>When inputting into each sheet directly,</t>
    <phoneticPr fontId="7"/>
  </si>
  <si>
    <t>please select the answer from the drop-down list of each criteria.</t>
    <phoneticPr fontId="7"/>
  </si>
  <si>
    <t xml:space="preserve">In case of changing the description of this report, </t>
    <phoneticPr fontId="7"/>
  </si>
  <si>
    <r>
      <rPr>
        <b/>
        <u/>
        <sz val="11"/>
        <rFont val="ＭＳ Ｐゴシック"/>
        <family val="3"/>
        <charset val="128"/>
      </rPr>
      <t>シャープ（株）御中</t>
    </r>
    <r>
      <rPr>
        <b/>
        <u/>
        <sz val="11"/>
        <rFont val="Arial"/>
        <family val="2"/>
      </rPr>
      <t>/ To: SHARP Corporation</t>
    </r>
    <rPh sb="5" eb="6">
      <t>カブ</t>
    </rPh>
    <rPh sb="7" eb="9">
      <t>オンチュウ</t>
    </rPh>
    <phoneticPr fontId="78"/>
  </si>
  <si>
    <r>
      <rPr>
        <sz val="11"/>
        <rFont val="ＭＳ Ｐゴシック"/>
        <family val="3"/>
        <charset val="128"/>
      </rPr>
      <t xml:space="preserve">作成日：
</t>
    </r>
    <r>
      <rPr>
        <sz val="9"/>
        <rFont val="Arial"/>
        <family val="2"/>
      </rPr>
      <t>Date:</t>
    </r>
    <rPh sb="0" eb="3">
      <t>サクセイビ</t>
    </rPh>
    <phoneticPr fontId="78"/>
  </si>
  <si>
    <r>
      <rPr>
        <sz val="11"/>
        <rFont val="ＭＳ Ｐゴシック"/>
        <family val="3"/>
        <charset val="128"/>
      </rPr>
      <t xml:space="preserve">会社名：
</t>
    </r>
    <r>
      <rPr>
        <sz val="9"/>
        <rFont val="Arial"/>
        <family val="2"/>
      </rPr>
      <t>Company Name:</t>
    </r>
    <rPh sb="0" eb="2">
      <t>カイシャ</t>
    </rPh>
    <rPh sb="2" eb="3">
      <t>メイ</t>
    </rPh>
    <phoneticPr fontId="78"/>
  </si>
  <si>
    <r>
      <rPr>
        <sz val="11"/>
        <rFont val="ＭＳ Ｐゴシック"/>
        <family val="3"/>
        <charset val="128"/>
      </rPr>
      <t xml:space="preserve">部署名：
</t>
    </r>
    <r>
      <rPr>
        <sz val="9"/>
        <rFont val="Arial"/>
        <family val="2"/>
      </rPr>
      <t>Department:</t>
    </r>
    <rPh sb="0" eb="2">
      <t>ブショ</t>
    </rPh>
    <rPh sb="2" eb="3">
      <t>メイ</t>
    </rPh>
    <phoneticPr fontId="78"/>
  </si>
  <si>
    <t>No.</t>
    <phoneticPr fontId="78"/>
  </si>
  <si>
    <r>
      <rPr>
        <sz val="11"/>
        <rFont val="ＭＳ Ｐゴシック"/>
        <family val="3"/>
        <charset val="128"/>
      </rPr>
      <t>化審法　第１種特定物質</t>
    </r>
    <r>
      <rPr>
        <sz val="11"/>
        <rFont val="Arial"/>
        <family val="2"/>
      </rPr>
      <t xml:space="preserve"> *2)
</t>
    </r>
    <r>
      <rPr>
        <sz val="9"/>
        <rFont val="Arial"/>
        <family val="2"/>
      </rPr>
      <t xml:space="preserve">Chemical Substances Control Law : Class </t>
    </r>
    <r>
      <rPr>
        <sz val="9"/>
        <rFont val="ＭＳ Ｐゴシック"/>
        <family val="3"/>
        <charset val="128"/>
      </rPr>
      <t>Ⅰ</t>
    </r>
    <r>
      <rPr>
        <sz val="9"/>
        <rFont val="Arial"/>
        <family val="2"/>
      </rPr>
      <t xml:space="preserve"> specified Chemical Substances</t>
    </r>
    <rPh sb="0" eb="3">
      <t>カシンホウ</t>
    </rPh>
    <rPh sb="4" eb="5">
      <t>ダイ</t>
    </rPh>
    <rPh sb="6" eb="7">
      <t>シュ</t>
    </rPh>
    <rPh sb="7" eb="9">
      <t>トクテイ</t>
    </rPh>
    <rPh sb="9" eb="11">
      <t>ブッシツ</t>
    </rPh>
    <phoneticPr fontId="78"/>
  </si>
  <si>
    <t>&lt; Applicable/ Not Applicable &gt;</t>
  </si>
  <si>
    <r>
      <rPr>
        <sz val="11"/>
        <rFont val="ＭＳ Ｐゴシック"/>
        <family val="3"/>
        <charset val="128"/>
      </rPr>
      <t>※化審法　第２種特定物質</t>
    </r>
    <r>
      <rPr>
        <sz val="11"/>
        <rFont val="Arial"/>
        <family val="2"/>
      </rPr>
      <t xml:space="preserve"> *3)
</t>
    </r>
    <r>
      <rPr>
        <sz val="9"/>
        <rFont val="Arial"/>
        <family val="2"/>
      </rPr>
      <t>Chemical Substances Control Law : Class II specified Chemical Substances</t>
    </r>
    <rPh sb="1" eb="4">
      <t>カシンホウ</t>
    </rPh>
    <rPh sb="5" eb="6">
      <t>ダイ</t>
    </rPh>
    <rPh sb="7" eb="8">
      <t>シュ</t>
    </rPh>
    <rPh sb="8" eb="10">
      <t>トクテイ</t>
    </rPh>
    <rPh sb="10" eb="12">
      <t>ブッシツ</t>
    </rPh>
    <phoneticPr fontId="7"/>
  </si>
  <si>
    <r>
      <t xml:space="preserve">&lt; Applicable          </t>
    </r>
    <r>
      <rPr>
        <sz val="11"/>
        <rFont val="ＭＳ Ｐゴシック"/>
        <family val="3"/>
        <charset val="128"/>
      </rPr>
      <t>　　</t>
    </r>
    <r>
      <rPr>
        <sz val="11"/>
        <rFont val="Arial"/>
        <family val="2"/>
      </rPr>
      <t xml:space="preserve">     / Not Applicable &gt;</t>
    </r>
  </si>
  <si>
    <r>
      <rPr>
        <sz val="11"/>
        <rFont val="ＭＳ Ｐゴシック"/>
        <family val="3"/>
        <charset val="128"/>
      </rPr>
      <t>※化審法　監視物質</t>
    </r>
    <r>
      <rPr>
        <sz val="11"/>
        <rFont val="Arial"/>
        <family val="2"/>
      </rPr>
      <t xml:space="preserve"> *4)
</t>
    </r>
    <r>
      <rPr>
        <sz val="9"/>
        <rFont val="Arial"/>
        <family val="2"/>
      </rPr>
      <t>Chemical Substances Control Law : Monitoring Substances</t>
    </r>
    <rPh sb="1" eb="4">
      <t>カシンホウ</t>
    </rPh>
    <rPh sb="5" eb="7">
      <t>カンシ</t>
    </rPh>
    <rPh sb="7" eb="9">
      <t>ブッシツ</t>
    </rPh>
    <phoneticPr fontId="7"/>
  </si>
  <si>
    <t>TSCA *5)</t>
    <phoneticPr fontId="78"/>
  </si>
  <si>
    <r>
      <t>POP</t>
    </r>
    <r>
      <rPr>
        <sz val="11"/>
        <rFont val="ＭＳ Ｐゴシック"/>
        <family val="3"/>
        <charset val="128"/>
      </rPr>
      <t>ｓ</t>
    </r>
    <r>
      <rPr>
        <sz val="11"/>
        <rFont val="Arial"/>
        <family val="2"/>
      </rPr>
      <t xml:space="preserve"> *6)</t>
    </r>
    <phoneticPr fontId="7"/>
  </si>
  <si>
    <r>
      <rPr>
        <sz val="11"/>
        <rFont val="ＭＳ Ｐゴシック"/>
        <family val="3"/>
        <charset val="128"/>
      </rPr>
      <t xml:space="preserve">ムスクキシレン
</t>
    </r>
    <r>
      <rPr>
        <sz val="9"/>
        <rFont val="Arial"/>
        <family val="2"/>
      </rPr>
      <t>Musk xylene</t>
    </r>
    <phoneticPr fontId="7"/>
  </si>
  <si>
    <t>81-15-2</t>
    <phoneticPr fontId="7"/>
  </si>
  <si>
    <r>
      <rPr>
        <sz val="11"/>
        <rFont val="ＭＳ Ｐゴシック"/>
        <family val="3"/>
        <charset val="128"/>
      </rPr>
      <t>意図的に添加せず、かつ含有率</t>
    </r>
    <r>
      <rPr>
        <sz val="11"/>
        <rFont val="Arial"/>
        <family val="2"/>
      </rPr>
      <t xml:space="preserve"> 1000ppm</t>
    </r>
    <r>
      <rPr>
        <sz val="11"/>
        <rFont val="ＭＳ Ｐゴシック"/>
        <family val="3"/>
        <charset val="128"/>
      </rPr>
      <t>未満</t>
    </r>
    <r>
      <rPr>
        <sz val="11"/>
        <rFont val="Arial"/>
        <family val="2"/>
      </rPr>
      <t xml:space="preserve">/ Not intentionally added and the content is less than 1000ppm(0.1%).  </t>
    </r>
    <rPh sb="0" eb="3">
      <t>イトテキ</t>
    </rPh>
    <rPh sb="4" eb="6">
      <t>テンカ</t>
    </rPh>
    <rPh sb="11" eb="13">
      <t>ガンユウ</t>
    </rPh>
    <rPh sb="13" eb="14">
      <t>リツ</t>
    </rPh>
    <rPh sb="22" eb="24">
      <t>ミマン</t>
    </rPh>
    <phoneticPr fontId="7"/>
  </si>
  <si>
    <r>
      <rPr>
        <sz val="11"/>
        <rFont val="ＭＳ Ｐゴシック"/>
        <family val="3"/>
        <charset val="128"/>
      </rPr>
      <t xml:space="preserve">※塩化パラフィン（平均炭素数２３、平均塩素化率４３％）
</t>
    </r>
    <r>
      <rPr>
        <sz val="9"/>
        <rFont val="Arial"/>
        <family val="2"/>
      </rPr>
      <t>Chlorinated paraffins: C23, 43% chlorine</t>
    </r>
    <phoneticPr fontId="7"/>
  </si>
  <si>
    <t>108171-27-3</t>
  </si>
  <si>
    <r>
      <rPr>
        <sz val="11"/>
        <rFont val="ＭＳ Ｐゴシック"/>
        <family val="3"/>
        <charset val="128"/>
      </rPr>
      <t>※中鎖塩素化パラフィン（</t>
    </r>
    <r>
      <rPr>
        <sz val="11"/>
        <rFont val="Arial"/>
        <family val="2"/>
      </rPr>
      <t>MCCP)[</t>
    </r>
    <r>
      <rPr>
        <sz val="11"/>
        <rFont val="ＭＳ Ｐゴシック"/>
        <family val="3"/>
        <charset val="128"/>
      </rPr>
      <t>群</t>
    </r>
    <r>
      <rPr>
        <sz val="11"/>
        <rFont val="Arial"/>
        <family val="2"/>
      </rPr>
      <t>]</t>
    </r>
    <r>
      <rPr>
        <sz val="11"/>
        <rFont val="ＭＳ Ｐゴシック"/>
        <family val="3"/>
        <charset val="128"/>
      </rPr>
      <t>（炭素数</t>
    </r>
    <r>
      <rPr>
        <sz val="11"/>
        <rFont val="Arial"/>
        <family val="2"/>
      </rPr>
      <t>14</t>
    </r>
    <r>
      <rPr>
        <sz val="11"/>
        <rFont val="ＭＳ Ｐゴシック"/>
        <family val="3"/>
        <charset val="128"/>
      </rPr>
      <t>～</t>
    </r>
    <r>
      <rPr>
        <sz val="11"/>
        <rFont val="Arial"/>
        <family val="2"/>
      </rPr>
      <t>17</t>
    </r>
    <r>
      <rPr>
        <sz val="11"/>
        <rFont val="ＭＳ Ｐゴシック"/>
        <family val="3"/>
        <charset val="128"/>
      </rPr>
      <t xml:space="preserve">）
</t>
    </r>
    <r>
      <rPr>
        <sz val="11"/>
        <rFont val="Arial"/>
        <family val="2"/>
      </rPr>
      <t>Medium Chain Chlorinated Paraffins (MCCP)[Group](14-17 carbons)</t>
    </r>
    <phoneticPr fontId="7"/>
  </si>
  <si>
    <r>
      <rPr>
        <sz val="11"/>
        <rFont val="ＭＳ Ｐゴシック"/>
        <family val="3"/>
        <charset val="128"/>
      </rPr>
      <t>※</t>
    </r>
    <r>
      <rPr>
        <sz val="11"/>
        <rFont val="Arial"/>
        <family val="2"/>
      </rPr>
      <t>1,3</t>
    </r>
    <r>
      <rPr>
        <sz val="11"/>
        <rFont val="ＭＳ Ｐゴシック"/>
        <family val="3"/>
        <charset val="128"/>
      </rPr>
      <t xml:space="preserve">－ジクロロプロペン
</t>
    </r>
    <r>
      <rPr>
        <sz val="11"/>
        <rFont val="Arial"/>
        <family val="2"/>
      </rPr>
      <t>1,3-Dichloropropene</t>
    </r>
    <phoneticPr fontId="7"/>
  </si>
  <si>
    <t>542-75-6</t>
  </si>
  <si>
    <r>
      <rPr>
        <sz val="11"/>
        <rFont val="ＭＳ Ｐゴシック"/>
        <family val="3"/>
        <charset val="128"/>
      </rPr>
      <t>※</t>
    </r>
    <r>
      <rPr>
        <sz val="11"/>
        <rFont val="Arial"/>
        <family val="2"/>
      </rPr>
      <t>p-</t>
    </r>
    <r>
      <rPr>
        <sz val="11"/>
        <rFont val="ＭＳ Ｐゴシック"/>
        <family val="3"/>
        <charset val="128"/>
      </rPr>
      <t xml:space="preserve">ジメチルアミノアゾベンゼン
</t>
    </r>
    <r>
      <rPr>
        <sz val="9"/>
        <rFont val="Arial"/>
        <family val="2"/>
      </rPr>
      <t>p-Dimethylaminoazobenzene</t>
    </r>
    <phoneticPr fontId="7"/>
  </si>
  <si>
    <t>60-11-7</t>
  </si>
  <si>
    <r>
      <rPr>
        <sz val="11"/>
        <rFont val="ＭＳ Ｐゴシック"/>
        <family val="3"/>
        <charset val="128"/>
      </rPr>
      <t>※</t>
    </r>
    <r>
      <rPr>
        <sz val="11"/>
        <rFont val="Arial"/>
        <family val="2"/>
      </rPr>
      <t>N,N'-</t>
    </r>
    <r>
      <rPr>
        <sz val="11"/>
        <rFont val="ＭＳ Ｐゴシック"/>
        <family val="3"/>
        <charset val="128"/>
      </rPr>
      <t xml:space="preserve">エチレンビス（ジチオカルバミン酸）マンガン（マンネブ）
</t>
    </r>
    <r>
      <rPr>
        <sz val="9"/>
        <rFont val="Arial"/>
        <family val="2"/>
      </rPr>
      <t>N,N'-Ethylenebisdithiocarbamate manganese (Maneb)</t>
    </r>
    <phoneticPr fontId="7"/>
  </si>
  <si>
    <t>12427-38-2</t>
  </si>
  <si>
    <r>
      <rPr>
        <sz val="11"/>
        <rFont val="ＭＳ Ｐゴシック"/>
        <family val="3"/>
        <charset val="128"/>
      </rPr>
      <t>※</t>
    </r>
    <r>
      <rPr>
        <sz val="11"/>
        <rFont val="Arial"/>
        <family val="2"/>
      </rPr>
      <t>1-</t>
    </r>
    <r>
      <rPr>
        <sz val="11"/>
        <rFont val="ＭＳ Ｐゴシック"/>
        <family val="3"/>
        <charset val="128"/>
      </rPr>
      <t xml:space="preserve">ナフチルアミン
</t>
    </r>
    <r>
      <rPr>
        <sz val="9"/>
        <rFont val="Arial"/>
        <family val="2"/>
      </rPr>
      <t>1-Naphthylamine</t>
    </r>
    <phoneticPr fontId="7"/>
  </si>
  <si>
    <t>134-32-7</t>
  </si>
  <si>
    <r>
      <t>CAS</t>
    </r>
    <r>
      <rPr>
        <sz val="11"/>
        <rFont val="ＭＳ Ｐゴシック"/>
        <family val="3"/>
        <charset val="128"/>
      </rPr>
      <t>番号／</t>
    </r>
    <r>
      <rPr>
        <sz val="11"/>
        <rFont val="Arial"/>
        <family val="2"/>
      </rPr>
      <t>CAS No.</t>
    </r>
    <rPh sb="3" eb="5">
      <t>バンゴウ</t>
    </rPh>
    <phoneticPr fontId="7"/>
  </si>
  <si>
    <r>
      <rPr>
        <sz val="11"/>
        <rFont val="ＭＳ Ｐゴシック"/>
        <family val="3"/>
        <charset val="128"/>
      </rPr>
      <t>アンチモン及びその化合物</t>
    </r>
    <r>
      <rPr>
        <sz val="11"/>
        <rFont val="Arial"/>
        <family val="2"/>
      </rPr>
      <t xml:space="preserve">
</t>
    </r>
    <r>
      <rPr>
        <sz val="9"/>
        <rFont val="Arial"/>
        <family val="2"/>
      </rPr>
      <t xml:space="preserve">Antimony and its compound </t>
    </r>
    <rPh sb="5" eb="6">
      <t>オヨ</t>
    </rPh>
    <rPh sb="9" eb="12">
      <t>カゴウブツ</t>
    </rPh>
    <phoneticPr fontId="7"/>
  </si>
  <si>
    <r>
      <rPr>
        <sz val="11"/>
        <rFont val="ＭＳ Ｐゴシック"/>
        <family val="3"/>
        <charset val="128"/>
      </rPr>
      <t>※ポリ塩化ビニル</t>
    </r>
    <r>
      <rPr>
        <sz val="11"/>
        <rFont val="Arial"/>
        <family val="2"/>
      </rPr>
      <t xml:space="preserve">(PVC)
</t>
    </r>
    <r>
      <rPr>
        <sz val="9"/>
        <rFont val="Arial"/>
        <family val="2"/>
      </rPr>
      <t xml:space="preserve">Polyvinyl chloride </t>
    </r>
    <rPh sb="3" eb="5">
      <t>エンカ</t>
    </rPh>
    <phoneticPr fontId="7"/>
  </si>
  <si>
    <t>9002-86-2</t>
  </si>
  <si>
    <r>
      <rPr>
        <sz val="11"/>
        <rFont val="ＭＳ Ｐゴシック"/>
        <family val="3"/>
        <charset val="128"/>
      </rPr>
      <t xml:space="preserve">※テトラクロロ無水フタル酸
</t>
    </r>
    <r>
      <rPr>
        <sz val="9"/>
        <rFont val="Arial"/>
        <family val="2"/>
      </rPr>
      <t>Tetrachlorophthalic anhydride</t>
    </r>
    <phoneticPr fontId="7"/>
  </si>
  <si>
    <t>117-08-8</t>
  </si>
  <si>
    <r>
      <rPr>
        <sz val="11"/>
        <rFont val="ＭＳ Ｐゴシック"/>
        <family val="3"/>
        <charset val="128"/>
      </rPr>
      <t xml:space="preserve">ノニルフェノール化合物及びそのエトキシレート
</t>
    </r>
    <r>
      <rPr>
        <sz val="11"/>
        <rFont val="Arial"/>
        <family val="2"/>
      </rPr>
      <t>Nonylphenol compounds and its ethoxylate</t>
    </r>
    <phoneticPr fontId="7"/>
  </si>
  <si>
    <r>
      <rPr>
        <sz val="11"/>
        <rFont val="ＭＳ Ｐゴシック"/>
        <family val="3"/>
        <charset val="128"/>
      </rPr>
      <t>※ハロゲン物質（塩素、臭素）</t>
    </r>
    <r>
      <rPr>
        <sz val="11"/>
        <rFont val="Arial"/>
        <family val="2"/>
      </rPr>
      <t xml:space="preserve"> *8)
</t>
    </r>
    <r>
      <rPr>
        <sz val="9"/>
        <rFont val="Arial"/>
        <family val="2"/>
      </rPr>
      <t>Halogen substances (Chlorine, Bromine)</t>
    </r>
    <rPh sb="5" eb="7">
      <t>ブッシツ</t>
    </rPh>
    <rPh sb="8" eb="10">
      <t>エンソ</t>
    </rPh>
    <rPh sb="11" eb="13">
      <t>シュウソ</t>
    </rPh>
    <phoneticPr fontId="7"/>
  </si>
  <si>
    <r>
      <rPr>
        <sz val="11"/>
        <rFont val="ＭＳ Ｐゴシック"/>
        <family val="3"/>
        <charset val="128"/>
      </rPr>
      <t xml:space="preserve">※塩化水素
</t>
    </r>
    <r>
      <rPr>
        <sz val="9"/>
        <rFont val="Arial"/>
        <family val="2"/>
      </rPr>
      <t>Hydrogen chloride</t>
    </r>
    <phoneticPr fontId="7"/>
  </si>
  <si>
    <t>7647-01-0</t>
  </si>
  <si>
    <r>
      <t>*7) EU REACH</t>
    </r>
    <r>
      <rPr>
        <sz val="10"/>
        <rFont val="ＭＳ Ｐゴシック"/>
        <family val="3"/>
        <charset val="128"/>
      </rPr>
      <t>規則（</t>
    </r>
    <r>
      <rPr>
        <sz val="10"/>
        <rFont val="Arial"/>
        <family val="2"/>
      </rPr>
      <t>No 1907/2006</t>
    </r>
    <r>
      <rPr>
        <sz val="10"/>
        <rFont val="ＭＳ Ｐゴシック"/>
        <family val="3"/>
        <charset val="128"/>
      </rPr>
      <t>）</t>
    </r>
    <r>
      <rPr>
        <sz val="10"/>
        <rFont val="Arial"/>
        <family val="2"/>
      </rPr>
      <t>ANNEX XVII</t>
    </r>
    <r>
      <rPr>
        <sz val="10"/>
        <rFont val="ＭＳ Ｐゴシック"/>
        <family val="3"/>
        <charset val="128"/>
      </rPr>
      <t>（制限対象物質）</t>
    </r>
    <phoneticPr fontId="7"/>
  </si>
  <si>
    <r>
      <rPr>
        <sz val="11"/>
        <rFont val="ＭＳ Ｐゴシック"/>
        <family val="3"/>
        <charset val="128"/>
      </rPr>
      <t>フタル酸エステル</t>
    </r>
    <r>
      <rPr>
        <sz val="11"/>
        <rFont val="Arial"/>
        <family val="2"/>
      </rPr>
      <t>6</t>
    </r>
    <r>
      <rPr>
        <sz val="11"/>
        <rFont val="ＭＳ Ｐゴシック"/>
        <family val="3"/>
        <charset val="128"/>
      </rPr>
      <t>種：（「</t>
    </r>
    <r>
      <rPr>
        <sz val="11"/>
        <rFont val="Arial"/>
        <family val="2"/>
      </rPr>
      <t>DEHP(DOP) CAS No.117-81-7</t>
    </r>
    <r>
      <rPr>
        <sz val="11"/>
        <rFont val="ＭＳ Ｐゴシック"/>
        <family val="3"/>
        <charset val="128"/>
      </rPr>
      <t>」、「</t>
    </r>
    <r>
      <rPr>
        <sz val="11"/>
        <rFont val="Arial"/>
        <family val="2"/>
      </rPr>
      <t>DBP CAS No.84-74-2</t>
    </r>
    <r>
      <rPr>
        <sz val="11"/>
        <rFont val="ＭＳ Ｐゴシック"/>
        <family val="3"/>
        <charset val="128"/>
      </rPr>
      <t>」、「</t>
    </r>
    <r>
      <rPr>
        <sz val="11"/>
        <rFont val="Arial"/>
        <family val="2"/>
      </rPr>
      <t>BBP CAS No.85-68-7</t>
    </r>
    <r>
      <rPr>
        <sz val="11"/>
        <rFont val="ＭＳ Ｐゴシック"/>
        <family val="3"/>
        <charset val="128"/>
      </rPr>
      <t>」、「</t>
    </r>
    <r>
      <rPr>
        <sz val="11"/>
        <rFont val="Arial"/>
        <family val="2"/>
      </rPr>
      <t>DINP CAS No.28553-12-0</t>
    </r>
    <r>
      <rPr>
        <sz val="11"/>
        <rFont val="ＭＳ Ｐゴシック"/>
        <family val="3"/>
        <charset val="128"/>
      </rPr>
      <t>、</t>
    </r>
    <r>
      <rPr>
        <sz val="11"/>
        <rFont val="Arial"/>
        <family val="2"/>
      </rPr>
      <t>68515-48-0</t>
    </r>
    <r>
      <rPr>
        <sz val="11"/>
        <rFont val="ＭＳ Ｐゴシック"/>
        <family val="3"/>
        <charset val="128"/>
      </rPr>
      <t>」、「</t>
    </r>
    <r>
      <rPr>
        <sz val="11"/>
        <rFont val="Arial"/>
        <family val="2"/>
      </rPr>
      <t>DIDP CAS No.26761-40-0</t>
    </r>
    <r>
      <rPr>
        <sz val="11"/>
        <rFont val="ＭＳ Ｐゴシック"/>
        <family val="3"/>
        <charset val="128"/>
      </rPr>
      <t>、</t>
    </r>
    <r>
      <rPr>
        <sz val="11"/>
        <rFont val="Arial"/>
        <family val="2"/>
      </rPr>
      <t>68515-49-1</t>
    </r>
    <r>
      <rPr>
        <sz val="11"/>
        <rFont val="ＭＳ Ｐゴシック"/>
        <family val="3"/>
        <charset val="128"/>
      </rPr>
      <t>」、「</t>
    </r>
    <r>
      <rPr>
        <sz val="11"/>
        <rFont val="Arial"/>
        <family val="2"/>
      </rPr>
      <t>DNOP CAS No.117-84-0</t>
    </r>
    <r>
      <rPr>
        <sz val="11"/>
        <rFont val="ＭＳ Ｐゴシック"/>
        <family val="3"/>
        <charset val="128"/>
      </rPr>
      <t>」／</t>
    </r>
    <r>
      <rPr>
        <sz val="11"/>
        <rFont val="Arial"/>
        <family val="2"/>
      </rPr>
      <t xml:space="preserve">6 phthalates: ( "DEHP(DOP) (CAS No.117-81-7)", "DBP(CAS No.84-74-2) ", "BBP (CAS No.85-68-7)","DINP(CAS No.28553-12-0/68515-48-0", "DIDP(CAS No.26761-40-0/68515-49-1" , "DNOP(CAS No.117-84-0)") </t>
    </r>
    <phoneticPr fontId="7"/>
  </si>
  <si>
    <t xml:space="preserve">  </t>
    <phoneticPr fontId="78"/>
  </si>
  <si>
    <r>
      <rPr>
        <b/>
        <sz val="11"/>
        <rFont val="ＭＳ Ｐゴシック"/>
        <family val="3"/>
        <charset val="128"/>
      </rPr>
      <t>上記に示す</t>
    </r>
    <r>
      <rPr>
        <b/>
        <sz val="11"/>
        <rFont val="Arial"/>
        <family val="2"/>
      </rPr>
      <t>6</t>
    </r>
    <r>
      <rPr>
        <b/>
        <sz val="11"/>
        <rFont val="ＭＳ Ｐゴシック"/>
        <family val="3"/>
        <charset val="128"/>
      </rPr>
      <t>種類のフタル酸エステルを原材料として取り扱っている。（副生成物も含む）</t>
    </r>
    <r>
      <rPr>
        <sz val="11"/>
        <rFont val="Arial"/>
        <family val="2"/>
      </rPr>
      <t xml:space="preserve">
6 phthalates shown above  are handled as raw materials.(including by-product material)</t>
    </r>
    <rPh sb="0" eb="2">
      <t>ジョウキ</t>
    </rPh>
    <rPh sb="3" eb="4">
      <t>シメ</t>
    </rPh>
    <rPh sb="6" eb="8">
      <t>シュルイ</t>
    </rPh>
    <rPh sb="12" eb="13">
      <t>サン</t>
    </rPh>
    <rPh sb="18" eb="21">
      <t>ゲンザイリョウ</t>
    </rPh>
    <rPh sb="24" eb="25">
      <t>ト</t>
    </rPh>
    <rPh sb="26" eb="27">
      <t>アツカ</t>
    </rPh>
    <rPh sb="33" eb="37">
      <t>フクセイセイブツ</t>
    </rPh>
    <rPh sb="38" eb="39">
      <t>フク</t>
    </rPh>
    <phoneticPr fontId="78"/>
  </si>
  <si>
    <t>Yes/No</t>
  </si>
  <si>
    <r>
      <rPr>
        <sz val="11"/>
        <rFont val="ＭＳ Ｐゴシック"/>
        <family val="3"/>
        <charset val="128"/>
      </rPr>
      <t>別紙にて回答します</t>
    </r>
    <rPh sb="0" eb="2">
      <t>ベッシ</t>
    </rPh>
    <rPh sb="4" eb="6">
      <t>カイトウ</t>
    </rPh>
    <phoneticPr fontId="78"/>
  </si>
  <si>
    <r>
      <rPr>
        <sz val="10"/>
        <rFont val="ＭＳ Ｐゴシック"/>
        <family val="3"/>
        <charset val="128"/>
      </rPr>
      <t>※アルキルフェノール（炭素数</t>
    </r>
    <r>
      <rPr>
        <sz val="10"/>
        <rFont val="Arial"/>
        <family val="2"/>
      </rPr>
      <t>5</t>
    </r>
    <r>
      <rPr>
        <sz val="10"/>
        <rFont val="ＭＳ Ｐゴシック"/>
        <family val="3"/>
        <charset val="128"/>
      </rPr>
      <t>～</t>
    </r>
    <r>
      <rPr>
        <sz val="10"/>
        <rFont val="Arial"/>
        <family val="2"/>
      </rPr>
      <t>9</t>
    </r>
    <r>
      <rPr>
        <sz val="10"/>
        <rFont val="ＭＳ Ｐゴシック"/>
        <family val="3"/>
        <charset val="128"/>
      </rPr>
      <t>）</t>
    </r>
    <r>
      <rPr>
        <sz val="10"/>
        <rFont val="Arial"/>
        <family val="2"/>
      </rPr>
      <t>(</t>
    </r>
    <r>
      <rPr>
        <sz val="10"/>
        <rFont val="ＭＳ Ｐゴシック"/>
        <family val="3"/>
        <charset val="128"/>
      </rPr>
      <t xml:space="preserve">ノニルフェノールは除く）
</t>
    </r>
    <r>
      <rPr>
        <sz val="10"/>
        <rFont val="Arial"/>
        <family val="2"/>
      </rPr>
      <t>Alkylphenol (C5-9) excluding nonylphenol</t>
    </r>
    <phoneticPr fontId="7"/>
  </si>
  <si>
    <r>
      <rPr>
        <sz val="10"/>
        <rFont val="ＭＳ Ｐゴシック"/>
        <family val="3"/>
        <charset val="128"/>
      </rPr>
      <t xml:space="preserve">※ベンゾフェノン
</t>
    </r>
    <r>
      <rPr>
        <sz val="10"/>
        <rFont val="Arial"/>
        <family val="2"/>
      </rPr>
      <t>Benzophenone</t>
    </r>
    <phoneticPr fontId="7"/>
  </si>
  <si>
    <t>119-61-9</t>
    <phoneticPr fontId="7"/>
  </si>
  <si>
    <r>
      <rPr>
        <sz val="11"/>
        <rFont val="ＭＳ Ｐゴシック"/>
        <family val="3"/>
        <charset val="128"/>
      </rPr>
      <t>※クロム及びクロム化合物（六価クロム化合物を除く</t>
    </r>
    <r>
      <rPr>
        <sz val="11"/>
        <rFont val="Arial"/>
        <family val="2"/>
      </rPr>
      <t xml:space="preserve">)
</t>
    </r>
    <r>
      <rPr>
        <sz val="9"/>
        <rFont val="Arial"/>
        <family val="2"/>
      </rPr>
      <t>Chromium and its Compounds excluding hexavalent chromium</t>
    </r>
    <phoneticPr fontId="7"/>
  </si>
  <si>
    <r>
      <rPr>
        <sz val="10"/>
        <rFont val="ＭＳ Ｐゴシック"/>
        <family val="3"/>
        <charset val="128"/>
      </rPr>
      <t>※</t>
    </r>
    <r>
      <rPr>
        <sz val="10"/>
        <rFont val="Arial"/>
        <family val="2"/>
      </rPr>
      <t>2,4-</t>
    </r>
    <r>
      <rPr>
        <sz val="10"/>
        <rFont val="ＭＳ Ｐゴシック"/>
        <family val="3"/>
        <charset val="128"/>
      </rPr>
      <t xml:space="preserve">ジクロロフェノール
</t>
    </r>
    <r>
      <rPr>
        <sz val="10"/>
        <rFont val="Arial"/>
        <family val="2"/>
      </rPr>
      <t>2,4-Dichlorophenol</t>
    </r>
    <phoneticPr fontId="7"/>
  </si>
  <si>
    <t>120-83-2</t>
  </si>
  <si>
    <r>
      <rPr>
        <sz val="10"/>
        <rFont val="ＭＳ Ｐゴシック"/>
        <family val="3"/>
        <charset val="128"/>
      </rPr>
      <t xml:space="preserve">※エチルベンゼン
</t>
    </r>
    <r>
      <rPr>
        <sz val="10"/>
        <rFont val="Arial"/>
        <family val="2"/>
      </rPr>
      <t>Ethylbenzene</t>
    </r>
    <phoneticPr fontId="7"/>
  </si>
  <si>
    <t>100-41-4</t>
  </si>
  <si>
    <r>
      <rPr>
        <sz val="10"/>
        <rFont val="ＭＳ Ｐゴシック"/>
        <family val="3"/>
        <charset val="128"/>
      </rPr>
      <t xml:space="preserve">※イソシアネート
</t>
    </r>
    <r>
      <rPr>
        <sz val="10"/>
        <rFont val="Arial"/>
        <family val="2"/>
      </rPr>
      <t>Isocyanate</t>
    </r>
    <phoneticPr fontId="7"/>
  </si>
  <si>
    <r>
      <rPr>
        <sz val="10"/>
        <rFont val="ＭＳ Ｐゴシック"/>
        <family val="3"/>
        <charset val="128"/>
      </rPr>
      <t xml:space="preserve">※オクタクロロスチレン
</t>
    </r>
    <r>
      <rPr>
        <sz val="10"/>
        <rFont val="Arial"/>
        <family val="2"/>
      </rPr>
      <t>Octachlorostyrene</t>
    </r>
    <phoneticPr fontId="7"/>
  </si>
  <si>
    <t>29082-74-4</t>
  </si>
  <si>
    <r>
      <rPr>
        <sz val="10"/>
        <rFont val="ＭＳ Ｐゴシック"/>
        <family val="3"/>
        <charset val="128"/>
      </rPr>
      <t xml:space="preserve">※リン系難燃剤（赤リンは除く）
</t>
    </r>
    <r>
      <rPr>
        <sz val="10"/>
        <rFont val="Arial"/>
        <family val="2"/>
      </rPr>
      <t>Phosphorus flame retardant excluding red phosphorus</t>
    </r>
    <phoneticPr fontId="7"/>
  </si>
  <si>
    <r>
      <t>REACH</t>
    </r>
    <r>
      <rPr>
        <sz val="10"/>
        <rFont val="ＭＳ Ｐゴシック"/>
        <family val="3"/>
        <charset val="128"/>
      </rPr>
      <t>規則高懸念物質</t>
    </r>
    <r>
      <rPr>
        <sz val="10"/>
        <rFont val="Arial"/>
        <family val="2"/>
      </rPr>
      <t>(SVHC) 
REACH Regulation [substances of very high concern (SVHC)]*10)</t>
    </r>
    <rPh sb="5" eb="7">
      <t>キソク</t>
    </rPh>
    <rPh sb="7" eb="8">
      <t>コウ</t>
    </rPh>
    <rPh sb="8" eb="10">
      <t>ケネン</t>
    </rPh>
    <rPh sb="10" eb="12">
      <t>ブッシツ</t>
    </rPh>
    <phoneticPr fontId="7"/>
  </si>
  <si>
    <r>
      <rPr>
        <sz val="10"/>
        <rFont val="Arial Unicode MS"/>
        <family val="3"/>
        <charset val="128"/>
      </rPr>
      <t>※責任ある鉱物調達調査　対象鉱物</t>
    </r>
    <r>
      <rPr>
        <sz val="10"/>
        <rFont val="Arial"/>
        <family val="2"/>
      </rPr>
      <t xml:space="preserve"> (</t>
    </r>
    <r>
      <rPr>
        <sz val="10"/>
        <rFont val="Arial Unicode MS"/>
        <family val="3"/>
        <charset val="128"/>
      </rPr>
      <t>スズ、タングステン、金、タンタル、コバルト、天然マイカ</t>
    </r>
    <r>
      <rPr>
        <sz val="10"/>
        <rFont val="Arial"/>
        <family val="2"/>
      </rPr>
      <t>)
* Responsible Minerals Survey - Targeted Mineral
(Tin, Tungsten, Gold, Tantalum, Cobalt, Natural mica)</t>
    </r>
    <phoneticPr fontId="7"/>
  </si>
  <si>
    <r>
      <t xml:space="preserve">4. </t>
    </r>
    <r>
      <rPr>
        <b/>
        <u/>
        <sz val="9"/>
        <rFont val="ＭＳ Ｐゴシック"/>
        <family val="3"/>
        <charset val="128"/>
      </rPr>
      <t>ハロゲン（臭素・塩素）物質の分析状況</t>
    </r>
    <r>
      <rPr>
        <b/>
        <sz val="9"/>
        <rFont val="Arial"/>
        <family val="2"/>
      </rPr>
      <t xml:space="preserve"> / </t>
    </r>
    <r>
      <rPr>
        <sz val="9"/>
        <rFont val="Arial"/>
        <family val="2"/>
      </rPr>
      <t>Analysis situation of halogen ("Bromine" and "Chlorine") substance *4)</t>
    </r>
    <rPh sb="8" eb="10">
      <t>シュウソ</t>
    </rPh>
    <rPh sb="11" eb="13">
      <t>エンソ</t>
    </rPh>
    <rPh sb="14" eb="16">
      <t>ブッシツ</t>
    </rPh>
    <rPh sb="17" eb="19">
      <t>ブンセキ</t>
    </rPh>
    <rPh sb="19" eb="21">
      <t>ジョウキョウ</t>
    </rPh>
    <phoneticPr fontId="78"/>
  </si>
  <si>
    <r>
      <rPr>
        <b/>
        <sz val="10"/>
        <rFont val="ＭＳ Ｐゴシック"/>
        <family val="3"/>
        <charset val="128"/>
      </rPr>
      <t>確認事項　</t>
    </r>
    <r>
      <rPr>
        <b/>
        <sz val="10"/>
        <rFont val="Arial"/>
        <family val="2"/>
      </rPr>
      <t>/</t>
    </r>
    <r>
      <rPr>
        <b/>
        <sz val="10"/>
        <rFont val="ＭＳ Ｐゴシック"/>
        <family val="3"/>
        <charset val="128"/>
      </rPr>
      <t>　</t>
    </r>
    <r>
      <rPr>
        <sz val="10"/>
        <rFont val="Arial"/>
        <family val="2"/>
      </rPr>
      <t>Criteria</t>
    </r>
    <rPh sb="0" eb="2">
      <t>カクニン</t>
    </rPh>
    <rPh sb="2" eb="4">
      <t>ジコウ</t>
    </rPh>
    <phoneticPr fontId="78"/>
  </si>
  <si>
    <r>
      <rPr>
        <b/>
        <sz val="10"/>
        <rFont val="ＭＳ Ｐゴシック"/>
        <family val="3"/>
        <charset val="128"/>
      </rPr>
      <t>回答欄</t>
    </r>
    <r>
      <rPr>
        <sz val="10"/>
        <rFont val="Arial"/>
        <family val="2"/>
      </rPr>
      <t xml:space="preserve">
Verified results</t>
    </r>
    <rPh sb="0" eb="2">
      <t>カイトウ</t>
    </rPh>
    <rPh sb="2" eb="3">
      <t>ラン</t>
    </rPh>
    <phoneticPr fontId="78"/>
  </si>
  <si>
    <r>
      <rPr>
        <b/>
        <sz val="10"/>
        <rFont val="ＭＳ Ｐゴシック"/>
        <family val="3"/>
        <charset val="128"/>
      </rPr>
      <t>分析機関によるハロゲン（臭素・塩素）分析データを取得している。</t>
    </r>
    <r>
      <rPr>
        <sz val="10"/>
        <rFont val="Arial"/>
        <family val="2"/>
      </rPr>
      <t xml:space="preserve">
The analysis data on Halogen(Bromine/Chlorine) has been gotton from analyzing organization.</t>
    </r>
    <rPh sb="0" eb="2">
      <t>ブンセキ</t>
    </rPh>
    <rPh sb="2" eb="4">
      <t>キカン</t>
    </rPh>
    <rPh sb="12" eb="14">
      <t>シュウソ</t>
    </rPh>
    <rPh sb="15" eb="17">
      <t>エンソ</t>
    </rPh>
    <rPh sb="18" eb="20">
      <t>ブンセキ</t>
    </rPh>
    <rPh sb="24" eb="26">
      <t>シュトク</t>
    </rPh>
    <phoneticPr fontId="78"/>
  </si>
  <si>
    <t>Yes/No</t>
    <phoneticPr fontId="7"/>
  </si>
  <si>
    <r>
      <rPr>
        <b/>
        <sz val="10"/>
        <rFont val="ＭＳ Ｐゴシック"/>
        <family val="3"/>
        <charset val="128"/>
      </rPr>
      <t>【質問</t>
    </r>
    <r>
      <rPr>
        <b/>
        <sz val="10"/>
        <rFont val="Arial"/>
        <family val="2"/>
      </rPr>
      <t>1</t>
    </r>
    <r>
      <rPr>
        <b/>
        <sz val="10"/>
        <rFont val="ＭＳ Ｐゴシック"/>
        <family val="3"/>
        <charset val="128"/>
      </rPr>
      <t>】が「</t>
    </r>
    <r>
      <rPr>
        <b/>
        <sz val="10"/>
        <rFont val="Arial"/>
        <family val="2"/>
      </rPr>
      <t>YES</t>
    </r>
    <r>
      <rPr>
        <b/>
        <sz val="10"/>
        <rFont val="ＭＳ Ｐゴシック"/>
        <family val="3"/>
        <charset val="128"/>
      </rPr>
      <t>」の場合、以下に記入します。</t>
    </r>
    <r>
      <rPr>
        <b/>
        <sz val="10"/>
        <rFont val="Arial"/>
        <family val="2"/>
      </rPr>
      <t xml:space="preserve">/ </t>
    </r>
    <r>
      <rPr>
        <sz val="10"/>
        <rFont val="Arial"/>
        <family val="2"/>
      </rPr>
      <t>If the answer of "No.1" is "YES", we fill in the following table.</t>
    </r>
    <rPh sb="1" eb="3">
      <t>シツモン</t>
    </rPh>
    <rPh sb="12" eb="14">
      <t>バアイ</t>
    </rPh>
    <rPh sb="15" eb="17">
      <t>イカ</t>
    </rPh>
    <rPh sb="18" eb="20">
      <t>キニュウ</t>
    </rPh>
    <phoneticPr fontId="78"/>
  </si>
  <si>
    <r>
      <rPr>
        <sz val="10"/>
        <rFont val="ＭＳ Ｐゴシック"/>
        <family val="3"/>
        <charset val="128"/>
      </rPr>
      <t xml:space="preserve">物質名
</t>
    </r>
    <r>
      <rPr>
        <sz val="10"/>
        <rFont val="Arial"/>
        <family val="2"/>
      </rPr>
      <t>Substance Name</t>
    </r>
    <rPh sb="0" eb="2">
      <t>ブッシツ</t>
    </rPh>
    <rPh sb="2" eb="3">
      <t>メイ</t>
    </rPh>
    <phoneticPr fontId="78"/>
  </si>
  <si>
    <r>
      <rPr>
        <sz val="8"/>
        <rFont val="ＭＳ Ｐゴシック"/>
        <family val="3"/>
        <charset val="128"/>
      </rPr>
      <t xml:space="preserve">含有
</t>
    </r>
    <r>
      <rPr>
        <sz val="8"/>
        <rFont val="Arial"/>
        <family val="2"/>
      </rPr>
      <t>Content</t>
    </r>
    <rPh sb="0" eb="2">
      <t>ガンユウ</t>
    </rPh>
    <phoneticPr fontId="78"/>
  </si>
  <si>
    <r>
      <rPr>
        <sz val="10"/>
        <rFont val="ＭＳ Ｐゴシック"/>
        <family val="3"/>
        <charset val="128"/>
      </rPr>
      <t xml:space="preserve">含有率
</t>
    </r>
    <r>
      <rPr>
        <sz val="10"/>
        <rFont val="Arial"/>
        <family val="2"/>
      </rPr>
      <t>Content ratio</t>
    </r>
    <rPh sb="0" eb="2">
      <t>ガンユウ</t>
    </rPh>
    <rPh sb="2" eb="3">
      <t>リツ</t>
    </rPh>
    <phoneticPr fontId="78"/>
  </si>
  <si>
    <r>
      <rPr>
        <sz val="10"/>
        <rFont val="ＭＳ Ｐゴシック"/>
        <family val="3"/>
        <charset val="128"/>
      </rPr>
      <t xml:space="preserve">検出下限値
</t>
    </r>
    <r>
      <rPr>
        <sz val="10"/>
        <rFont val="Arial"/>
        <family val="2"/>
      </rPr>
      <t>Method Detection Limit</t>
    </r>
    <r>
      <rPr>
        <sz val="10"/>
        <rFont val="ＭＳ Ｐゴシック"/>
        <family val="3"/>
        <charset val="128"/>
      </rPr>
      <t>　※</t>
    </r>
    <r>
      <rPr>
        <sz val="10"/>
        <rFont val="Arial"/>
        <family val="2"/>
      </rPr>
      <t>5)</t>
    </r>
    <rPh sb="0" eb="2">
      <t>ケンシュツ</t>
    </rPh>
    <rPh sb="2" eb="5">
      <t>カゲンチ</t>
    </rPh>
    <phoneticPr fontId="78"/>
  </si>
  <si>
    <r>
      <rPr>
        <sz val="10"/>
        <rFont val="ＭＳ Ｐゴシック"/>
        <family val="3"/>
        <charset val="128"/>
      </rPr>
      <t xml:space="preserve">備考
</t>
    </r>
    <r>
      <rPr>
        <sz val="10"/>
        <rFont val="Arial"/>
        <family val="2"/>
      </rPr>
      <t>Remark</t>
    </r>
    <rPh sb="0" eb="2">
      <t>ビコウ</t>
    </rPh>
    <phoneticPr fontId="78"/>
  </si>
  <si>
    <t>(ppm)</t>
    <phoneticPr fontId="7"/>
  </si>
  <si>
    <r>
      <rPr>
        <sz val="10"/>
        <rFont val="ＭＳ Ｐゴシック"/>
        <family val="3"/>
        <charset val="128"/>
      </rPr>
      <t>塩素／</t>
    </r>
    <r>
      <rPr>
        <sz val="10"/>
        <rFont val="Arial"/>
        <family val="2"/>
      </rPr>
      <t>Chlorine(Cl)</t>
    </r>
    <rPh sb="0" eb="2">
      <t>エンソ</t>
    </rPh>
    <phoneticPr fontId="78"/>
  </si>
  <si>
    <r>
      <rPr>
        <sz val="8"/>
        <rFont val="ＭＳ Ｐゴシック"/>
        <family val="3"/>
        <charset val="128"/>
      </rPr>
      <t>含有</t>
    </r>
    <r>
      <rPr>
        <sz val="8"/>
        <rFont val="Arial"/>
        <family val="2"/>
      </rPr>
      <t>(Present)</t>
    </r>
    <r>
      <rPr>
        <sz val="8"/>
        <rFont val="ＭＳ Ｐゴシック"/>
        <family val="3"/>
        <charset val="128"/>
      </rPr>
      <t>／非含有</t>
    </r>
    <r>
      <rPr>
        <sz val="8"/>
        <rFont val="Arial"/>
        <family val="2"/>
      </rPr>
      <t>(Not present</t>
    </r>
    <r>
      <rPr>
        <sz val="8"/>
        <rFont val="ＭＳ Ｐゴシック"/>
        <family val="3"/>
        <charset val="128"/>
      </rPr>
      <t>）</t>
    </r>
  </si>
  <si>
    <r>
      <rPr>
        <sz val="10"/>
        <rFont val="ＭＳ Ｐゴシック"/>
        <family val="3"/>
        <charset val="128"/>
      </rPr>
      <t>臭素／</t>
    </r>
    <r>
      <rPr>
        <sz val="10"/>
        <rFont val="Arial"/>
        <family val="2"/>
      </rPr>
      <t>Bromine(Br)</t>
    </r>
    <rPh sb="0" eb="2">
      <t>シュウソ</t>
    </rPh>
    <phoneticPr fontId="78"/>
  </si>
  <si>
    <r>
      <rPr>
        <sz val="8"/>
        <rFont val="ＭＳ Ｐゴシック"/>
        <family val="3"/>
        <charset val="128"/>
      </rPr>
      <t>含有</t>
    </r>
    <r>
      <rPr>
        <sz val="8"/>
        <rFont val="Arial"/>
        <family val="2"/>
      </rPr>
      <t>(Present)</t>
    </r>
    <r>
      <rPr>
        <sz val="8"/>
        <rFont val="ＭＳ Ｐゴシック"/>
        <family val="3"/>
        <charset val="128"/>
      </rPr>
      <t>／非含有</t>
    </r>
    <r>
      <rPr>
        <sz val="8"/>
        <rFont val="Arial"/>
        <family val="2"/>
      </rPr>
      <t>(Not present</t>
    </r>
    <r>
      <rPr>
        <sz val="8"/>
        <rFont val="ＭＳ Ｐゴシック"/>
        <family val="3"/>
        <charset val="128"/>
      </rPr>
      <t>）</t>
    </r>
    <phoneticPr fontId="7"/>
  </si>
  <si>
    <r>
      <t xml:space="preserve">*5) </t>
    </r>
    <r>
      <rPr>
        <b/>
        <sz val="10"/>
        <rFont val="ＭＳ Ｐゴシック"/>
        <family val="3"/>
        <charset val="128"/>
      </rPr>
      <t>検出下限値の最大値は</t>
    </r>
    <r>
      <rPr>
        <b/>
        <sz val="10"/>
        <rFont val="Arial"/>
        <family val="2"/>
      </rPr>
      <t>100ppm(0.01%)</t>
    </r>
    <r>
      <rPr>
        <b/>
        <sz val="10"/>
        <rFont val="ＭＳ Ｐゴシック"/>
        <family val="3"/>
        <charset val="128"/>
      </rPr>
      <t>です。</t>
    </r>
    <r>
      <rPr>
        <b/>
        <sz val="10"/>
        <rFont val="Arial"/>
        <family val="2"/>
      </rPr>
      <t xml:space="preserve">/ </t>
    </r>
    <r>
      <rPr>
        <sz val="10"/>
        <rFont val="Arial"/>
        <family val="2"/>
      </rPr>
      <t>The maxium of Method Detection Limit is 100ppm(0.01%).</t>
    </r>
    <rPh sb="4" eb="6">
      <t>ケンシュツ</t>
    </rPh>
    <phoneticPr fontId="78"/>
  </si>
  <si>
    <r>
      <rPr>
        <sz val="11"/>
        <rFont val="ＭＳ Ｐゴシック"/>
        <family val="3"/>
        <charset val="128"/>
      </rPr>
      <t>責任者：</t>
    </r>
    <rPh sb="0" eb="3">
      <t>セキニンシャ</t>
    </rPh>
    <phoneticPr fontId="7"/>
  </si>
  <si>
    <r>
      <rPr>
        <sz val="11"/>
        <rFont val="ＭＳ Ｐゴシック"/>
        <family val="3"/>
        <charset val="128"/>
      </rPr>
      <t>記入者：</t>
    </r>
    <rPh sb="0" eb="3">
      <t>キニュウシャ</t>
    </rPh>
    <phoneticPr fontId="7"/>
  </si>
  <si>
    <t xml:space="preserve">Responsible by: </t>
    <phoneticPr fontId="7"/>
  </si>
  <si>
    <t xml:space="preserve">Written by: </t>
    <phoneticPr fontId="7"/>
  </si>
  <si>
    <r>
      <rPr>
        <sz val="11"/>
        <rFont val="ＭＳ Ｐゴシック"/>
        <family val="3"/>
        <charset val="128"/>
      </rPr>
      <t>署名／捺印：</t>
    </r>
    <rPh sb="0" eb="2">
      <t>ショメイ</t>
    </rPh>
    <rPh sb="3" eb="5">
      <t>ナツイン</t>
    </rPh>
    <phoneticPr fontId="7"/>
  </si>
  <si>
    <t>Signature or Seal:</t>
    <phoneticPr fontId="7"/>
  </si>
  <si>
    <t xml:space="preserve"> </t>
  </si>
  <si>
    <r>
      <t>D-</t>
    </r>
    <r>
      <rPr>
        <b/>
        <sz val="12"/>
        <rFont val="ＭＳ Ｐゴシック"/>
        <family val="3"/>
        <charset val="128"/>
      </rPr>
      <t>別表／</t>
    </r>
    <r>
      <rPr>
        <b/>
        <sz val="12"/>
        <rFont val="Arial"/>
        <family val="2"/>
      </rPr>
      <t>D-Appendix</t>
    </r>
    <phoneticPr fontId="7"/>
  </si>
  <si>
    <r>
      <t>2-2</t>
    </r>
    <r>
      <rPr>
        <b/>
        <sz val="11"/>
        <rFont val="ＭＳ Ｐゴシック"/>
        <family val="3"/>
        <charset val="128"/>
      </rPr>
      <t>項の確認結果が「</t>
    </r>
    <r>
      <rPr>
        <b/>
        <sz val="11"/>
        <rFont val="Arial"/>
        <family val="2"/>
      </rPr>
      <t>Not Applicable</t>
    </r>
    <r>
      <rPr>
        <b/>
        <sz val="11"/>
        <rFont val="ＭＳ Ｐゴシック"/>
        <family val="3"/>
        <charset val="128"/>
      </rPr>
      <t>」の項目について、下記の判定基準に従い確認した結果、該当する項目の｢確認結果｣欄にチェック（</t>
    </r>
    <r>
      <rPr>
        <b/>
        <sz val="11"/>
        <rFont val="Arial"/>
        <family val="2"/>
      </rPr>
      <t>X</t>
    </r>
    <r>
      <rPr>
        <b/>
        <sz val="11"/>
        <rFont val="ＭＳ Ｐゴシック"/>
        <family val="3"/>
        <charset val="128"/>
      </rPr>
      <t>）しています／</t>
    </r>
    <rPh sb="3" eb="4">
      <t>コウ</t>
    </rPh>
    <phoneticPr fontId="78"/>
  </si>
  <si>
    <t>Regarding items whose confirmatory result are "Not Applicable" in clause 2-2, "X" are entered in the result column as the result of the confirmation pursuant to the criteria.</t>
    <phoneticPr fontId="7"/>
  </si>
  <si>
    <r>
      <rPr>
        <sz val="11"/>
        <rFont val="ＭＳ Ｐゴシック"/>
        <family val="3"/>
        <charset val="128"/>
      </rPr>
      <t xml:space="preserve">化学物質名／
</t>
    </r>
    <r>
      <rPr>
        <sz val="11"/>
        <rFont val="Arial"/>
        <family val="2"/>
      </rPr>
      <t>Substances</t>
    </r>
    <phoneticPr fontId="7"/>
  </si>
  <si>
    <r>
      <rPr>
        <sz val="11"/>
        <rFont val="ＭＳ Ｐゴシック"/>
        <family val="3"/>
        <charset val="128"/>
      </rPr>
      <t>確認内容（判定基準）／</t>
    </r>
    <r>
      <rPr>
        <sz val="11"/>
        <rFont val="Arial"/>
        <family val="2"/>
      </rPr>
      <t>Check point (Criteria)</t>
    </r>
    <phoneticPr fontId="7"/>
  </si>
  <si>
    <r>
      <rPr>
        <sz val="11"/>
        <rFont val="ＭＳ Ｐゴシック"/>
        <family val="3"/>
        <charset val="128"/>
      </rPr>
      <t xml:space="preserve">確認結果／
</t>
    </r>
    <r>
      <rPr>
        <sz val="11"/>
        <rFont val="Arial"/>
        <family val="2"/>
      </rPr>
      <t>Result</t>
    </r>
    <rPh sb="0" eb="2">
      <t>カクニン</t>
    </rPh>
    <phoneticPr fontId="7"/>
  </si>
  <si>
    <r>
      <t>REACH</t>
    </r>
    <r>
      <rPr>
        <sz val="11"/>
        <rFont val="ＭＳ Ｐゴシック"/>
        <family val="3"/>
        <charset val="128"/>
      </rPr>
      <t>規則　制限物質／</t>
    </r>
    <r>
      <rPr>
        <sz val="11"/>
        <rFont val="Arial"/>
        <family val="2"/>
      </rPr>
      <t>REACH Regulation Restricted substances</t>
    </r>
    <rPh sb="5" eb="7">
      <t>キソク</t>
    </rPh>
    <rPh sb="8" eb="10">
      <t>セイゲン</t>
    </rPh>
    <rPh sb="10" eb="12">
      <t>ブッシツ</t>
    </rPh>
    <phoneticPr fontId="7"/>
  </si>
  <si>
    <r>
      <rPr>
        <sz val="11"/>
        <rFont val="ＭＳ Ｐゴシック"/>
        <family val="3"/>
        <charset val="128"/>
      </rPr>
      <t>下記（</t>
    </r>
    <r>
      <rPr>
        <sz val="11"/>
        <rFont val="Arial"/>
        <family val="2"/>
      </rPr>
      <t>2</t>
    </r>
    <r>
      <rPr>
        <sz val="11"/>
        <rFont val="ＭＳ Ｐゴシック"/>
        <family val="3"/>
        <charset val="128"/>
      </rPr>
      <t>）～</t>
    </r>
    <r>
      <rPr>
        <sz val="11"/>
        <rFont val="Arial"/>
        <family val="2"/>
      </rPr>
      <t>(3)</t>
    </r>
    <r>
      <rPr>
        <sz val="11"/>
        <rFont val="ＭＳ Ｐゴシック"/>
        <family val="3"/>
        <charset val="128"/>
      </rPr>
      <t>以外のものに使用されている／</t>
    </r>
    <phoneticPr fontId="7"/>
  </si>
  <si>
    <t>　</t>
  </si>
  <si>
    <r>
      <t>Used in every application other than the following  (2</t>
    </r>
    <r>
      <rPr>
        <sz val="9"/>
        <rFont val="ＭＳ Ｐゴシック"/>
        <family val="3"/>
        <charset val="128"/>
      </rPr>
      <t>）</t>
    </r>
    <r>
      <rPr>
        <sz val="9"/>
        <rFont val="Arial"/>
        <family val="2"/>
      </rPr>
      <t>,(3)</t>
    </r>
    <phoneticPr fontId="7"/>
  </si>
  <si>
    <r>
      <rPr>
        <sz val="11"/>
        <rFont val="ＭＳ Ｐゴシック"/>
        <family val="3"/>
        <charset val="128"/>
      </rPr>
      <t xml:space="preserve">使用可／
</t>
    </r>
    <r>
      <rPr>
        <sz val="11"/>
        <rFont val="Arial"/>
        <family val="2"/>
      </rPr>
      <t>Usable</t>
    </r>
    <phoneticPr fontId="7"/>
  </si>
  <si>
    <r>
      <rPr>
        <sz val="11"/>
        <rFont val="ＭＳ Ｐゴシック"/>
        <family val="3"/>
        <charset val="128"/>
      </rPr>
      <t>アンチモン及びその化合物／</t>
    </r>
    <r>
      <rPr>
        <sz val="11"/>
        <rFont val="Arial"/>
        <family val="2"/>
      </rPr>
      <t xml:space="preserve">Antimony and its compound </t>
    </r>
    <phoneticPr fontId="7"/>
  </si>
  <si>
    <r>
      <t>(1)</t>
    </r>
    <r>
      <rPr>
        <sz val="11"/>
        <rFont val="ＭＳ Ｐゴシック"/>
        <family val="3"/>
        <charset val="128"/>
      </rPr>
      <t>以外</t>
    </r>
    <r>
      <rPr>
        <sz val="11"/>
        <rFont val="Arial"/>
        <family val="2"/>
      </rPr>
      <t xml:space="preserve"> / Used in every application other than the above item (1)</t>
    </r>
    <rPh sb="3" eb="5">
      <t>イガイ</t>
    </rPh>
    <phoneticPr fontId="7"/>
  </si>
  <si>
    <r>
      <rPr>
        <sz val="11"/>
        <rFont val="ＭＳ Ｐゴシック"/>
        <family val="3"/>
        <charset val="128"/>
      </rPr>
      <t>ポリ塩化ビニル／</t>
    </r>
    <r>
      <rPr>
        <sz val="11"/>
        <rFont val="Arial"/>
        <family val="2"/>
      </rPr>
      <t>Polyvinyl chloride (PVC)</t>
    </r>
    <rPh sb="2" eb="4">
      <t>エンカ</t>
    </rPh>
    <phoneticPr fontId="7"/>
  </si>
  <si>
    <r>
      <rPr>
        <b/>
        <sz val="11"/>
        <color theme="0"/>
        <rFont val="ＭＳ Ｐゴシック"/>
        <family val="3"/>
        <charset val="128"/>
      </rPr>
      <t xml:space="preserve">使用禁止／
</t>
    </r>
    <r>
      <rPr>
        <b/>
        <sz val="11"/>
        <color theme="0"/>
        <rFont val="Arial"/>
        <family val="2"/>
      </rPr>
      <t>Banned</t>
    </r>
    <phoneticPr fontId="7"/>
  </si>
  <si>
    <r>
      <rPr>
        <sz val="11"/>
        <rFont val="ＭＳ Ｐゴシック"/>
        <family val="3"/>
        <charset val="128"/>
      </rPr>
      <t>（記入必須）代替困難理由・使用箇所</t>
    </r>
    <r>
      <rPr>
        <sz val="9"/>
        <rFont val="ＭＳ Ｐゴシック"/>
        <family val="3"/>
        <charset val="128"/>
      </rPr>
      <t>／</t>
    </r>
    <r>
      <rPr>
        <sz val="9"/>
        <rFont val="Arial"/>
        <family val="2"/>
      </rPr>
      <t>(Required fields) Reason for "difficult to substitute" and Point of use</t>
    </r>
    <rPh sb="1" eb="3">
      <t>キニュウ</t>
    </rPh>
    <rPh sb="3" eb="5">
      <t>ヒッスウ</t>
    </rPh>
    <phoneticPr fontId="7"/>
  </si>
  <si>
    <r>
      <rPr>
        <sz val="11"/>
        <rFont val="ＭＳ Ｐゴシック"/>
        <family val="3"/>
        <charset val="128"/>
      </rPr>
      <t>天然ゴム／</t>
    </r>
    <r>
      <rPr>
        <sz val="11"/>
        <rFont val="Arial"/>
        <family val="2"/>
      </rPr>
      <t>natural ruber</t>
    </r>
    <rPh sb="0" eb="2">
      <t>テンネン</t>
    </rPh>
    <phoneticPr fontId="7"/>
  </si>
  <si>
    <t>Banned</t>
    <phoneticPr fontId="7"/>
  </si>
  <si>
    <r>
      <rPr>
        <sz val="11"/>
        <rFont val="ＭＳ Ｐゴシック"/>
        <family val="3"/>
        <charset val="128"/>
      </rPr>
      <t>繊維製品</t>
    </r>
    <r>
      <rPr>
        <sz val="11"/>
        <rFont val="Arial"/>
        <family val="2"/>
      </rPr>
      <t xml:space="preserve"> / textile article.</t>
    </r>
    <rPh sb="0" eb="2">
      <t>センイ</t>
    </rPh>
    <rPh sb="2" eb="4">
      <t>セイヒン</t>
    </rPh>
    <phoneticPr fontId="7"/>
  </si>
  <si>
    <r>
      <t>4</t>
    </r>
    <r>
      <rPr>
        <b/>
        <sz val="11"/>
        <rFont val="ＭＳ Ｐゴシック"/>
        <family val="3"/>
        <charset val="128"/>
      </rPr>
      <t>項の確認結果が「</t>
    </r>
    <r>
      <rPr>
        <b/>
        <sz val="11"/>
        <rFont val="Arial"/>
        <family val="2"/>
      </rPr>
      <t>Not Applicable</t>
    </r>
    <r>
      <rPr>
        <b/>
        <sz val="11"/>
        <rFont val="ＭＳ Ｐゴシック"/>
        <family val="3"/>
        <charset val="128"/>
      </rPr>
      <t>」の項目について、下記の判定基準に従い確認した結果、該当する項目の｢確認結果｣欄にチェック（</t>
    </r>
    <r>
      <rPr>
        <b/>
        <sz val="11"/>
        <rFont val="Arial"/>
        <family val="2"/>
      </rPr>
      <t>X</t>
    </r>
    <r>
      <rPr>
        <b/>
        <sz val="11"/>
        <rFont val="ＭＳ Ｐゴシック"/>
        <family val="3"/>
        <charset val="128"/>
      </rPr>
      <t>）しています／</t>
    </r>
    <rPh sb="1" eb="2">
      <t>コウ</t>
    </rPh>
    <phoneticPr fontId="78"/>
  </si>
  <si>
    <t>Regarding items whose confirmatory result are "Not Applicable" in clause 4, "X" are entered in the result column as the result of the confirmation pursuant to the criteria.</t>
    <phoneticPr fontId="7"/>
  </si>
  <si>
    <t>Responsible Minerals Survey - Targeted Mineral (Tin, Tungsten, Gold, Tantalum, Cobalt, Natural mica)</t>
    <phoneticPr fontId="7"/>
  </si>
  <si>
    <t>- 1/1 -</t>
    <phoneticPr fontId="7"/>
  </si>
  <si>
    <r>
      <t xml:space="preserve">D </t>
    </r>
    <r>
      <rPr>
        <sz val="10"/>
        <rFont val="ＭＳ Ｐゴシック"/>
        <family val="3"/>
        <charset val="128"/>
      </rPr>
      <t>デバイス系関連会社用調査対象物質</t>
    </r>
    <rPh sb="6" eb="7">
      <t>ケイ</t>
    </rPh>
    <rPh sb="7" eb="9">
      <t>カンレン</t>
    </rPh>
    <rPh sb="9" eb="11">
      <t>カイシャ</t>
    </rPh>
    <rPh sb="11" eb="12">
      <t>ヨウ</t>
    </rPh>
    <rPh sb="12" eb="14">
      <t>チョウサ</t>
    </rPh>
    <rPh sb="14" eb="16">
      <t>タイショウ</t>
    </rPh>
    <rPh sb="16" eb="18">
      <t>ブッシツ</t>
    </rPh>
    <phoneticPr fontId="7"/>
  </si>
  <si>
    <r>
      <rPr>
        <sz val="10"/>
        <color theme="1"/>
        <rFont val="ＭＳ Ｐゴシック"/>
        <family val="3"/>
        <charset val="128"/>
      </rPr>
      <t>調査対象物質（顧客から要求が多い下記物質）</t>
    </r>
    <rPh sb="0" eb="2">
      <t>チョウサ</t>
    </rPh>
    <rPh sb="2" eb="4">
      <t>タイショウ</t>
    </rPh>
    <rPh sb="4" eb="6">
      <t>ブッシツ</t>
    </rPh>
    <phoneticPr fontId="7"/>
  </si>
  <si>
    <r>
      <rPr>
        <sz val="10"/>
        <color theme="1"/>
        <rFont val="ＭＳ Ｐゴシック"/>
        <family val="3"/>
        <charset val="128"/>
      </rPr>
      <t>全ての調査対象物質を全社共通版と同様に全面的禁止物質、条件付禁止物資、管理物質の再編</t>
    </r>
    <rPh sb="0" eb="1">
      <t>スベ</t>
    </rPh>
    <rPh sb="3" eb="5">
      <t>チョウサ</t>
    </rPh>
    <rPh sb="5" eb="7">
      <t>タイショウ</t>
    </rPh>
    <rPh sb="7" eb="9">
      <t>ブッシツ</t>
    </rPh>
    <rPh sb="10" eb="12">
      <t>ゼンシャ</t>
    </rPh>
    <rPh sb="12" eb="14">
      <t>キョウツウ</t>
    </rPh>
    <rPh sb="14" eb="15">
      <t>バン</t>
    </rPh>
    <rPh sb="16" eb="18">
      <t>ドウヨウ</t>
    </rPh>
    <rPh sb="19" eb="21">
      <t>ゼンメン</t>
    </rPh>
    <rPh sb="21" eb="22">
      <t>テキ</t>
    </rPh>
    <rPh sb="22" eb="24">
      <t>キンシ</t>
    </rPh>
    <rPh sb="24" eb="26">
      <t>ブッシツ</t>
    </rPh>
    <rPh sb="27" eb="30">
      <t>ジョウケンツ</t>
    </rPh>
    <rPh sb="30" eb="32">
      <t>キンシ</t>
    </rPh>
    <rPh sb="32" eb="34">
      <t>ブッシ</t>
    </rPh>
    <rPh sb="35" eb="37">
      <t>カンリ</t>
    </rPh>
    <rPh sb="37" eb="39">
      <t>ブッシツ</t>
    </rPh>
    <rPh sb="40" eb="42">
      <t>サイヘン</t>
    </rPh>
    <phoneticPr fontId="7"/>
  </si>
  <si>
    <r>
      <rPr>
        <sz val="10"/>
        <rFont val="ＭＳ Ｐゴシック"/>
        <family val="3"/>
        <charset val="128"/>
      </rPr>
      <t>全面的禁止物質</t>
    </r>
    <rPh sb="0" eb="3">
      <t>ゼンメンテキ</t>
    </rPh>
    <rPh sb="3" eb="5">
      <t>キンシ</t>
    </rPh>
    <rPh sb="5" eb="7">
      <t>ブッシツ</t>
    </rPh>
    <phoneticPr fontId="7"/>
  </si>
  <si>
    <t>化審法第１種特定物質</t>
    <rPh sb="0" eb="3">
      <t>カシンホウ</t>
    </rPh>
    <rPh sb="3" eb="4">
      <t>ダイ</t>
    </rPh>
    <rPh sb="5" eb="6">
      <t>シュ</t>
    </rPh>
    <rPh sb="6" eb="8">
      <t>トクテイ</t>
    </rPh>
    <rPh sb="8" eb="10">
      <t>ブッシツ</t>
    </rPh>
    <phoneticPr fontId="7"/>
  </si>
  <si>
    <t>←</t>
  </si>
  <si>
    <t>化審法第２種、監視物質</t>
    <rPh sb="0" eb="3">
      <t>カシンホウ</t>
    </rPh>
    <rPh sb="3" eb="4">
      <t>ダイ</t>
    </rPh>
    <rPh sb="5" eb="6">
      <t>シュ</t>
    </rPh>
    <rPh sb="7" eb="9">
      <t>カンシ</t>
    </rPh>
    <rPh sb="9" eb="11">
      <t>ブッシツ</t>
    </rPh>
    <phoneticPr fontId="7"/>
  </si>
  <si>
    <t>TSCA対象物質</t>
    <rPh sb="4" eb="6">
      <t>タイショウ</t>
    </rPh>
    <rPh sb="6" eb="8">
      <t>ブッシツ</t>
    </rPh>
    <phoneticPr fontId="7"/>
  </si>
  <si>
    <t>POPｓ対象物質</t>
    <rPh sb="4" eb="6">
      <t>タイショウ</t>
    </rPh>
    <rPh sb="6" eb="8">
      <t>ブッシツ</t>
    </rPh>
    <phoneticPr fontId="7"/>
  </si>
  <si>
    <t>ムスクキシレン</t>
  </si>
  <si>
    <t>アントラセン類</t>
    <rPh sb="6" eb="7">
      <t>ルイ</t>
    </rPh>
    <phoneticPr fontId="7"/>
  </si>
  <si>
    <r>
      <rPr>
        <sz val="10"/>
        <rFont val="ＭＳ ゴシック"/>
        <family val="2"/>
        <charset val="128"/>
      </rPr>
      <t>（削除）</t>
    </r>
    <rPh sb="1" eb="3">
      <t>サクジョ</t>
    </rPh>
    <phoneticPr fontId="7"/>
  </si>
  <si>
    <t>REACH規則制限物質に変更</t>
    <phoneticPr fontId="7"/>
  </si>
  <si>
    <t>項番変更</t>
    <rPh sb="0" eb="2">
      <t>コウバン</t>
    </rPh>
    <rPh sb="2" eb="4">
      <t>ヘンコウ</t>
    </rPh>
    <phoneticPr fontId="7"/>
  </si>
  <si>
    <t>中鎖塩素化パラフィン（MCCP)[群]（炭素数14～19）</t>
  </si>
  <si>
    <t>1,3－ジクロロプロペン</t>
  </si>
  <si>
    <t>p-ジメチルアミノアゾベンゼン</t>
  </si>
  <si>
    <t>塩化水素</t>
  </si>
  <si>
    <t>（削除）</t>
    <rPh sb="1" eb="3">
      <t>サクジョ</t>
    </rPh>
    <phoneticPr fontId="7"/>
  </si>
  <si>
    <t>条件付禁止物質に変更。</t>
    <rPh sb="0" eb="3">
      <t>ジョウケンツ</t>
    </rPh>
    <rPh sb="3" eb="5">
      <t>キンシ</t>
    </rPh>
    <rPh sb="5" eb="7">
      <t>ブッシツ</t>
    </rPh>
    <rPh sb="8" eb="10">
      <t>ヘンコウ</t>
    </rPh>
    <phoneticPr fontId="7"/>
  </si>
  <si>
    <t>N,N'-エチレンビス（ジチオカルバミン酸）マンガン（マンネブ）</t>
  </si>
  <si>
    <t>1-ナフチルアミン</t>
  </si>
  <si>
    <t>項番変更</t>
    <phoneticPr fontId="7"/>
  </si>
  <si>
    <r>
      <rPr>
        <sz val="10"/>
        <rFont val="ＭＳ Ｐゴシック"/>
        <family val="3"/>
        <charset val="128"/>
      </rPr>
      <t>条件付禁止物質</t>
    </r>
    <rPh sb="0" eb="3">
      <t>ジョウケンツキ</t>
    </rPh>
    <rPh sb="3" eb="5">
      <t>キンシ</t>
    </rPh>
    <rPh sb="5" eb="7">
      <t>ブッシツ</t>
    </rPh>
    <phoneticPr fontId="7"/>
  </si>
  <si>
    <t>REACH規則 制限物質</t>
    <rPh sb="8" eb="10">
      <t>セイゲン</t>
    </rPh>
    <rPh sb="10" eb="12">
      <t>ブッシツ</t>
    </rPh>
    <phoneticPr fontId="7"/>
  </si>
  <si>
    <t>←</t>
    <phoneticPr fontId="7"/>
  </si>
  <si>
    <t>アンチモン及びその化合物</t>
    <rPh sb="5" eb="6">
      <t>オヨ</t>
    </rPh>
    <rPh sb="9" eb="12">
      <t>カゴウブツ</t>
    </rPh>
    <phoneticPr fontId="7"/>
  </si>
  <si>
    <r>
      <rPr>
        <sz val="11"/>
        <rFont val="ＭＳ Ｐゴシック"/>
        <family val="3"/>
        <charset val="128"/>
        <scheme val="minor"/>
      </rPr>
      <t>ポリ塩化ビニル(PVC)</t>
    </r>
    <rPh sb="2" eb="4">
      <t>エンカ</t>
    </rPh>
    <phoneticPr fontId="7"/>
  </si>
  <si>
    <t>天然ゴム</t>
    <rPh sb="0" eb="2">
      <t>テンネン</t>
    </rPh>
    <phoneticPr fontId="78"/>
  </si>
  <si>
    <t>テトラクロロ無水フタル酸</t>
  </si>
  <si>
    <t>ノニルフェノール化合物及びそのエトキシレート</t>
    <phoneticPr fontId="7"/>
  </si>
  <si>
    <r>
      <rPr>
        <sz val="11"/>
        <rFont val="ＭＳ Ｐゴシック"/>
        <family val="3"/>
        <charset val="128"/>
        <scheme val="minor"/>
      </rPr>
      <t>ハロゲン物質（塩素、臭素）</t>
    </r>
    <rPh sb="4" eb="6">
      <t>ブッシツ</t>
    </rPh>
    <rPh sb="7" eb="9">
      <t>エンソ</t>
    </rPh>
    <rPh sb="10" eb="12">
      <t>シュウソ</t>
    </rPh>
    <phoneticPr fontId="7"/>
  </si>
  <si>
    <t>塩化水素</t>
    <phoneticPr fontId="7"/>
  </si>
  <si>
    <r>
      <rPr>
        <sz val="10"/>
        <rFont val="ＭＳ Ｐゴシック"/>
        <family val="3"/>
        <charset val="128"/>
      </rPr>
      <t>フタル酸エステル使用状況（工程管理）</t>
    </r>
    <rPh sb="3" eb="4">
      <t>サン</t>
    </rPh>
    <rPh sb="8" eb="10">
      <t>シヨウ</t>
    </rPh>
    <rPh sb="10" eb="12">
      <t>ジョウキョウ</t>
    </rPh>
    <rPh sb="13" eb="15">
      <t>コウテイ</t>
    </rPh>
    <rPh sb="15" eb="17">
      <t>カンリ</t>
    </rPh>
    <phoneticPr fontId="7"/>
  </si>
  <si>
    <r>
      <rPr>
        <sz val="10"/>
        <rFont val="ＭＳ Ｐゴシック"/>
        <family val="3"/>
        <charset val="128"/>
      </rPr>
      <t>管理物質</t>
    </r>
    <rPh sb="0" eb="2">
      <t>カンリ</t>
    </rPh>
    <rPh sb="2" eb="4">
      <t>ブッシツ</t>
    </rPh>
    <phoneticPr fontId="7"/>
  </si>
  <si>
    <t>アルキルフェノール（炭素数5～9）(ノニルフェノールは除く）</t>
  </si>
  <si>
    <t>ベンゾフェノン</t>
  </si>
  <si>
    <t>クロム及びクロム化合物（六価クロム化合物を除く)</t>
  </si>
  <si>
    <t>2,4-ジクロロフェノール</t>
  </si>
  <si>
    <t>エチルベンゼン</t>
  </si>
  <si>
    <t>イソシアネート</t>
  </si>
  <si>
    <t>オクタクロロスチレン</t>
  </si>
  <si>
    <t>リン系難燃剤
（赤リンは除く）</t>
  </si>
  <si>
    <t>REACH規則高懸念物質（SVHC)</t>
    <rPh sb="5" eb="7">
      <t>キソク</t>
    </rPh>
    <rPh sb="7" eb="12">
      <t>コウケネンブッシツ</t>
    </rPh>
    <phoneticPr fontId="7"/>
  </si>
  <si>
    <t>責任ある鉱物調達調査</t>
    <phoneticPr fontId="7"/>
  </si>
  <si>
    <t>TSCA</t>
    <phoneticPr fontId="7"/>
  </si>
  <si>
    <t>(1) Total content in the ink is 1% or less for all packaging.
(2) Total content in the ink is 0.1% or less for all packaging and printing.</t>
    <phoneticPr fontId="7"/>
  </si>
  <si>
    <t>Total content in the ink is 1ppm or less for all packaging and printing.</t>
    <phoneticPr fontId="7"/>
  </si>
  <si>
    <t>Total content in the ink is 0.1% or less for all packaging and printing.</t>
    <phoneticPr fontId="7"/>
  </si>
  <si>
    <r>
      <t xml:space="preserve">(1) </t>
    </r>
    <r>
      <rPr>
        <sz val="11"/>
        <rFont val="ＭＳ Ｐゴシック"/>
        <family val="3"/>
        <charset val="128"/>
      </rPr>
      <t>全包装材を対象に、インク中合計で</t>
    </r>
    <r>
      <rPr>
        <sz val="11"/>
        <rFont val="Arial"/>
        <family val="2"/>
      </rPr>
      <t>1 %</t>
    </r>
    <r>
      <rPr>
        <sz val="11"/>
        <rFont val="ＭＳ Ｐゴシック"/>
        <family val="3"/>
        <charset val="128"/>
      </rPr>
      <t xml:space="preserve">以下の含有である。
</t>
    </r>
    <r>
      <rPr>
        <sz val="11"/>
        <rFont val="Arial"/>
        <family val="2"/>
      </rPr>
      <t xml:space="preserve">(2) </t>
    </r>
    <r>
      <rPr>
        <sz val="11"/>
        <rFont val="ＭＳ Ｐゴシック"/>
        <family val="3"/>
        <charset val="128"/>
      </rPr>
      <t>全包装材及び全印刷物を対象に、インク中合計で</t>
    </r>
    <r>
      <rPr>
        <sz val="11"/>
        <rFont val="Arial"/>
        <family val="2"/>
      </rPr>
      <t>0.1 %</t>
    </r>
    <r>
      <rPr>
        <sz val="11"/>
        <rFont val="ＭＳ Ｐゴシック"/>
        <family val="3"/>
        <charset val="128"/>
      </rPr>
      <t>以下の含有である／</t>
    </r>
    <phoneticPr fontId="7"/>
  </si>
  <si>
    <r>
      <rPr>
        <sz val="11"/>
        <rFont val="ＭＳ Ｐゴシック"/>
        <family val="3"/>
        <charset val="128"/>
      </rPr>
      <t>全包装材及び全印刷物を対象に、インク中合計で</t>
    </r>
    <r>
      <rPr>
        <sz val="11"/>
        <rFont val="Arial"/>
        <family val="2"/>
      </rPr>
      <t>1 ppm</t>
    </r>
    <r>
      <rPr>
        <sz val="11"/>
        <rFont val="ＭＳ Ｐゴシック"/>
        <family val="3"/>
        <charset val="128"/>
      </rPr>
      <t>以下の含有である／</t>
    </r>
    <phoneticPr fontId="7"/>
  </si>
  <si>
    <r>
      <rPr>
        <sz val="11"/>
        <rFont val="ＭＳ Ｐゴシック"/>
        <family val="3"/>
        <charset val="128"/>
      </rPr>
      <t>全包装材及び全印刷物を対象に、インク中合計で</t>
    </r>
    <r>
      <rPr>
        <sz val="11"/>
        <rFont val="Arial"/>
        <family val="2"/>
      </rPr>
      <t>0.1%</t>
    </r>
    <r>
      <rPr>
        <sz val="11"/>
        <rFont val="ＭＳ Ｐゴシック"/>
        <family val="3"/>
        <charset val="128"/>
      </rPr>
      <t>以下の含有である／</t>
    </r>
    <phoneticPr fontId="7"/>
  </si>
  <si>
    <t>Report Bisphenol A and Bisphenol S as "B2. Presence of banned substances depending on application".</t>
  </si>
  <si>
    <r>
      <t xml:space="preserve">MOSH (Saturated hydrocarbons of mineral oil comprising from 16 to 35 carbon atoms)
</t>
    </r>
    <r>
      <rPr>
        <u/>
        <sz val="9"/>
        <rFont val="ＭＳ Ｐゴシック"/>
        <family val="3"/>
        <charset val="128"/>
      </rPr>
      <t>※</t>
    </r>
    <r>
      <rPr>
        <u/>
        <sz val="9"/>
        <rFont val="Arial"/>
        <family val="2"/>
      </rPr>
      <t xml:space="preserve"> Delivery prohibited after 1st July 2024.</t>
    </r>
    <phoneticPr fontId="7"/>
  </si>
  <si>
    <t xml:space="preserve">   An application for extension of exemption was accepted in the EU, and it is under deliberation at the time of issuance of this report (Oct. 2023). </t>
    <phoneticPr fontId="7"/>
  </si>
  <si>
    <t>含有化学物質報告書では、堺ディスプレイプロダクト株式会社は、以降SDPと省略致します。</t>
    <rPh sb="0" eb="4">
      <t>ガンユウカガク</t>
    </rPh>
    <rPh sb="4" eb="6">
      <t>ブッシツ</t>
    </rPh>
    <rPh sb="6" eb="9">
      <t>ホウコクショ</t>
    </rPh>
    <rPh sb="12" eb="13">
      <t>サカイ</t>
    </rPh>
    <rPh sb="24" eb="26">
      <t>カブシキ</t>
    </rPh>
    <rPh sb="26" eb="28">
      <t>カイシャ</t>
    </rPh>
    <rPh sb="30" eb="32">
      <t>イコウ</t>
    </rPh>
    <rPh sb="36" eb="38">
      <t>ショウリャク</t>
    </rPh>
    <rPh sb="38" eb="39">
      <t>イタ</t>
    </rPh>
    <phoneticPr fontId="7"/>
  </si>
  <si>
    <r>
      <t xml:space="preserve"> C. </t>
    </r>
    <r>
      <rPr>
        <sz val="9"/>
        <rFont val="ＭＳ Ｐゴシック"/>
        <family val="2"/>
        <charset val="128"/>
      </rPr>
      <t>使用禁止候補物質</t>
    </r>
    <rPh sb="4" eb="6">
      <t>シヨウ</t>
    </rPh>
    <rPh sb="6" eb="8">
      <t>キンシ</t>
    </rPh>
    <rPh sb="8" eb="10">
      <t>コウホ</t>
    </rPh>
    <rPh sb="10" eb="12">
      <t>ブッシツ</t>
    </rPh>
    <phoneticPr fontId="7"/>
  </si>
  <si>
    <r>
      <rPr>
        <b/>
        <sz val="10"/>
        <rFont val="ＭＳ Ｐゴシック"/>
        <family val="3"/>
        <charset val="128"/>
      </rPr>
      <t>注）</t>
    </r>
    <r>
      <rPr>
        <b/>
        <sz val="10"/>
        <rFont val="Arial"/>
        <family val="2"/>
      </rPr>
      <t xml:space="preserve"> </t>
    </r>
    <r>
      <rPr>
        <sz val="10"/>
        <rFont val="ＭＳ Ｐゴシック"/>
        <family val="3"/>
        <charset val="128"/>
      </rPr>
      <t xml:space="preserve">新規に採用させていただく全ての部品・材料を対象とします。部品・材料を納入いただく際の包装材も
</t>
    </r>
    <r>
      <rPr>
        <sz val="10"/>
        <rFont val="Arial"/>
        <family val="2"/>
      </rPr>
      <t xml:space="preserve">      </t>
    </r>
    <r>
      <rPr>
        <sz val="10"/>
        <rFont val="ＭＳ Ｐゴシック"/>
        <family val="3"/>
        <charset val="128"/>
      </rPr>
      <t xml:space="preserve">対象です。包装材に含有する化学物質も同様の基準で判断いただきご報告ください。
</t>
    </r>
    <r>
      <rPr>
        <sz val="10"/>
        <rFont val="Arial"/>
        <family val="2"/>
      </rPr>
      <t xml:space="preserve">      </t>
    </r>
    <r>
      <rPr>
        <sz val="10"/>
        <rFont val="ＭＳ Ｐゴシック"/>
        <family val="3"/>
        <charset val="128"/>
      </rPr>
      <t>ただし、</t>
    </r>
    <r>
      <rPr>
        <sz val="10"/>
        <rFont val="Arial"/>
        <family val="3"/>
      </rPr>
      <t>SDP</t>
    </r>
    <r>
      <rPr>
        <sz val="10"/>
        <rFont val="ＭＳ Ｐゴシック"/>
        <family val="3"/>
        <charset val="128"/>
      </rPr>
      <t xml:space="preserve">の拠点等で廃棄されることが明らかで、部品、材料に対象物質の移行・混入の恐れが無い
</t>
    </r>
    <r>
      <rPr>
        <sz val="10"/>
        <rFont val="Arial"/>
        <family val="2"/>
      </rPr>
      <t xml:space="preserve">      </t>
    </r>
    <r>
      <rPr>
        <sz val="10"/>
        <rFont val="ＭＳ Ｐゴシック"/>
        <family val="3"/>
        <charset val="128"/>
      </rPr>
      <t>包装材は対象外といたします。</t>
    </r>
    <phoneticPr fontId="7"/>
  </si>
  <si>
    <r>
      <t>A2</t>
    </r>
    <r>
      <rPr>
        <sz val="11"/>
        <rFont val="ＭＳ Ｐゴシック"/>
        <family val="3"/>
        <charset val="128"/>
      </rPr>
      <t>、</t>
    </r>
    <r>
      <rPr>
        <sz val="11"/>
        <rFont val="Arial"/>
        <family val="2"/>
      </rPr>
      <t>B2</t>
    </r>
    <r>
      <rPr>
        <sz val="11"/>
        <rFont val="ＭＳ Ｐゴシック"/>
        <family val="3"/>
        <charset val="128"/>
      </rPr>
      <t>、</t>
    </r>
    <r>
      <rPr>
        <sz val="11"/>
        <rFont val="Arial"/>
        <family val="2"/>
      </rPr>
      <t>D2</t>
    </r>
    <r>
      <rPr>
        <sz val="11"/>
        <rFont val="ＭＳ Ｐゴシック"/>
        <family val="3"/>
        <charset val="128"/>
      </rPr>
      <t>の「条件により使用を禁止する化学物質」の含有、</t>
    </r>
    <r>
      <rPr>
        <sz val="11"/>
        <rFont val="Arial"/>
        <family val="2"/>
      </rPr>
      <t>D4</t>
    </r>
    <r>
      <rPr>
        <sz val="11"/>
        <rFont val="ＭＳ Ｐゴシック"/>
        <family val="3"/>
        <charset val="128"/>
      </rPr>
      <t>「管理物質」の</t>
    </r>
    <r>
      <rPr>
        <sz val="11"/>
        <rFont val="Arial"/>
        <family val="3"/>
      </rPr>
      <t>No.9</t>
    </r>
    <r>
      <rPr>
        <sz val="11"/>
        <rFont val="ＭＳ Ｐゴシック"/>
        <family val="3"/>
        <charset val="128"/>
      </rPr>
      <t>、</t>
    </r>
    <r>
      <rPr>
        <sz val="11"/>
        <rFont val="Arial"/>
        <family val="3"/>
      </rPr>
      <t>No.10</t>
    </r>
    <r>
      <rPr>
        <sz val="11"/>
        <rFont val="ＭＳ Ｐゴシック"/>
        <family val="3"/>
        <charset val="128"/>
      </rPr>
      <t>の対象物質がある</t>
    </r>
    <rPh sb="28" eb="30">
      <t>ガンユウ</t>
    </rPh>
    <rPh sb="34" eb="36">
      <t>カンリ</t>
    </rPh>
    <rPh sb="36" eb="38">
      <t>ブッシツ</t>
    </rPh>
    <rPh sb="51" eb="53">
      <t>タイショウ</t>
    </rPh>
    <rPh sb="53" eb="55">
      <t>ブッシツ</t>
    </rPh>
    <phoneticPr fontId="7"/>
  </si>
  <si>
    <t>場合に提出してください。</t>
    <phoneticPr fontId="7"/>
  </si>
  <si>
    <t>を記載する欄がありますので、入力（記入）をしてください。</t>
    <rPh sb="1" eb="3">
      <t>キサイ</t>
    </rPh>
    <rPh sb="5" eb="6">
      <t>ラン</t>
    </rPh>
    <rPh sb="14" eb="16">
      <t>ニュウリョク</t>
    </rPh>
    <rPh sb="17" eb="19">
      <t>キニュウ</t>
    </rPh>
    <phoneticPr fontId="7"/>
  </si>
  <si>
    <r>
      <t>2</t>
    </r>
    <r>
      <rPr>
        <sz val="10.5"/>
        <rFont val="ＭＳ Ｐゴシック"/>
        <family val="3"/>
        <charset val="128"/>
      </rPr>
      <t>）</t>
    </r>
    <r>
      <rPr>
        <sz val="10.5"/>
        <rFont val="Arial"/>
        <family val="2"/>
      </rPr>
      <t xml:space="preserve"> </t>
    </r>
    <r>
      <rPr>
        <sz val="10.5"/>
        <rFont val="Arial"/>
        <family val="3"/>
      </rPr>
      <t>SDP</t>
    </r>
    <r>
      <rPr>
        <sz val="10.5"/>
        <rFont val="ＭＳ Ｐゴシック"/>
        <family val="3"/>
        <charset val="128"/>
      </rPr>
      <t>部品コード</t>
    </r>
    <rPh sb="6" eb="8">
      <t>ブヒン</t>
    </rPh>
    <phoneticPr fontId="7"/>
  </si>
  <si>
    <t>In "Report on Chemical Substances Contained in the Product",the Sakai Display Products Corporation is abbreviated as SDP.</t>
    <phoneticPr fontId="7"/>
  </si>
  <si>
    <r>
      <rPr>
        <b/>
        <sz val="10"/>
        <rFont val="Arial"/>
        <family val="2"/>
      </rPr>
      <t xml:space="preserve">Note) </t>
    </r>
    <r>
      <rPr>
        <sz val="10"/>
        <rFont val="Arial"/>
        <family val="2"/>
      </rPr>
      <t>All newly-adopted parts and materials.
         Packaging which is used for delivered parts/materials is applied.
         Please report the substances containing in the packaging with the same standard (threshold).
         However, the packaging is not applicable when it is clear that packaging will be discarded at Sharp site 
         and no possibility of migration and adulteration of object substances to the parts and the materials.</t>
    </r>
    <phoneticPr fontId="7"/>
  </si>
  <si>
    <t>"A.RoHS", "B.Others", "C.Candidate", "D.Part 2", "A (appendix).RoHS", "B (appendix).Others", "D(appendix).Part 2"</t>
    <phoneticPr fontId="7"/>
  </si>
  <si>
    <t>sheets are SDP common sheets.</t>
    <phoneticPr fontId="7"/>
  </si>
  <si>
    <t>please attach when the "banned substances depending on application" in A2, B2 and D2 are contained,</t>
    <phoneticPr fontId="7"/>
  </si>
  <si>
    <t>and "Managed substance" in D4(No.9, No.10).</t>
    <phoneticPr fontId="7"/>
  </si>
  <si>
    <t xml:space="preserve"> A.RoHS</t>
    <phoneticPr fontId="7"/>
  </si>
  <si>
    <t xml:space="preserve"> B.Others</t>
    <phoneticPr fontId="7"/>
  </si>
  <si>
    <t xml:space="preserve"> C.Candidate</t>
    <phoneticPr fontId="74"/>
  </si>
  <si>
    <t xml:space="preserve"> D.Part 2</t>
    <phoneticPr fontId="74"/>
  </si>
  <si>
    <t xml:space="preserve"> A(appendix). RoHS </t>
    <phoneticPr fontId="74"/>
  </si>
  <si>
    <t xml:space="preserve"> B(appendix). Others</t>
    <phoneticPr fontId="7"/>
  </si>
  <si>
    <t xml:space="preserve"> D(appendix). Part 2</t>
    <phoneticPr fontId="7"/>
  </si>
  <si>
    <r>
      <rPr>
        <sz val="11"/>
        <rFont val="ＭＳ Ｐゴシック"/>
        <family val="3"/>
        <charset val="128"/>
      </rPr>
      <t>「</t>
    </r>
    <r>
      <rPr>
        <sz val="11"/>
        <rFont val="Arial"/>
        <family val="2"/>
      </rPr>
      <t>A.RoHS</t>
    </r>
    <r>
      <rPr>
        <sz val="11"/>
        <rFont val="ＭＳ Ｐゴシック"/>
        <family val="3"/>
        <charset val="128"/>
      </rPr>
      <t>」、「</t>
    </r>
    <r>
      <rPr>
        <sz val="11"/>
        <rFont val="Arial"/>
        <family val="2"/>
      </rPr>
      <t>B.Others</t>
    </r>
    <r>
      <rPr>
        <sz val="11"/>
        <rFont val="ＭＳ Ｐゴシック"/>
        <family val="3"/>
        <charset val="128"/>
      </rPr>
      <t>」、「</t>
    </r>
    <r>
      <rPr>
        <sz val="11"/>
        <rFont val="Arial"/>
        <family val="3"/>
      </rPr>
      <t>C.Candidate</t>
    </r>
    <r>
      <rPr>
        <sz val="11"/>
        <rFont val="ＭＳ Ｐゴシック"/>
        <family val="3"/>
        <charset val="128"/>
      </rPr>
      <t>」、「</t>
    </r>
    <r>
      <rPr>
        <sz val="11"/>
        <rFont val="Arial"/>
        <family val="3"/>
      </rPr>
      <t>D.Part 2</t>
    </r>
    <r>
      <rPr>
        <sz val="11"/>
        <rFont val="ＭＳ Ｐゴシック"/>
        <family val="3"/>
        <charset val="128"/>
      </rPr>
      <t>」、「</t>
    </r>
    <r>
      <rPr>
        <sz val="11"/>
        <rFont val="Arial"/>
        <family val="2"/>
      </rPr>
      <t>A(appendix).RoHS</t>
    </r>
    <r>
      <rPr>
        <sz val="11"/>
        <rFont val="ＭＳ Ｐゴシック"/>
        <family val="3"/>
        <charset val="128"/>
      </rPr>
      <t>」、「</t>
    </r>
    <r>
      <rPr>
        <sz val="11"/>
        <rFont val="Arial"/>
        <family val="2"/>
      </rPr>
      <t>B(appendix).Others</t>
    </r>
    <r>
      <rPr>
        <sz val="11"/>
        <rFont val="ＭＳ Ｐゴシック"/>
        <family val="3"/>
        <charset val="128"/>
      </rPr>
      <t>」</t>
    </r>
    <r>
      <rPr>
        <sz val="11"/>
        <rFont val="Arial"/>
        <family val="2"/>
      </rPr>
      <t xml:space="preserve"> </t>
    </r>
    <r>
      <rPr>
        <sz val="11"/>
        <rFont val="ＭＳ Ｐゴシック"/>
        <family val="3"/>
        <charset val="128"/>
      </rPr>
      <t>、</t>
    </r>
    <phoneticPr fontId="7"/>
  </si>
  <si>
    <r>
      <rPr>
        <sz val="11"/>
        <rFont val="ＭＳ Ｐゴシック"/>
        <family val="3"/>
        <charset val="128"/>
      </rPr>
      <t>「</t>
    </r>
    <r>
      <rPr>
        <sz val="11"/>
        <rFont val="Arial"/>
        <family val="2"/>
      </rPr>
      <t>D(appendix). Part 2</t>
    </r>
    <r>
      <rPr>
        <sz val="11"/>
        <rFont val="ＭＳ Ｐゴシック"/>
        <family val="3"/>
        <charset val="128"/>
      </rPr>
      <t>」のシートは</t>
    </r>
    <r>
      <rPr>
        <sz val="11"/>
        <rFont val="Arial"/>
        <family val="3"/>
      </rPr>
      <t>SDP</t>
    </r>
    <r>
      <rPr>
        <sz val="11"/>
        <rFont val="ＭＳ Ｐゴシック"/>
        <family val="3"/>
        <charset val="128"/>
      </rPr>
      <t>で必要とするシートです。</t>
    </r>
    <rPh sb="30" eb="32">
      <t>ヒツヨウ</t>
    </rPh>
    <phoneticPr fontId="7"/>
  </si>
  <si>
    <r>
      <rPr>
        <sz val="11"/>
        <rFont val="ＭＳ Ｐゴシック"/>
        <family val="3"/>
        <charset val="128"/>
      </rPr>
      <t>「</t>
    </r>
    <r>
      <rPr>
        <sz val="11"/>
        <rFont val="Arial"/>
        <family val="3"/>
      </rPr>
      <t>A</t>
    </r>
    <r>
      <rPr>
        <sz val="11"/>
        <rFont val="Arial"/>
        <family val="2"/>
      </rPr>
      <t>.RoHS</t>
    </r>
    <r>
      <rPr>
        <sz val="11"/>
        <rFont val="ＭＳ Ｐゴシック"/>
        <family val="3"/>
        <charset val="128"/>
      </rPr>
      <t>」、「</t>
    </r>
    <r>
      <rPr>
        <sz val="11"/>
        <rFont val="Arial"/>
        <family val="2"/>
      </rPr>
      <t>D.Part 2</t>
    </r>
    <r>
      <rPr>
        <sz val="11"/>
        <rFont val="ＭＳ Ｐゴシック"/>
        <family val="3"/>
        <charset val="128"/>
      </rPr>
      <t>」シートの上部に</t>
    </r>
    <rPh sb="0" eb="26">
      <t>ジョウブ</t>
    </rPh>
    <phoneticPr fontId="7"/>
  </si>
  <si>
    <r>
      <rPr>
        <sz val="11"/>
        <rFont val="ＭＳ Ｐゴシック"/>
        <family val="3"/>
        <charset val="128"/>
      </rPr>
      <t>「</t>
    </r>
    <r>
      <rPr>
        <sz val="11"/>
        <rFont val="Arial"/>
        <family val="2"/>
      </rPr>
      <t>C.Candidate</t>
    </r>
    <r>
      <rPr>
        <sz val="11"/>
        <rFont val="ＭＳ Ｐゴシック"/>
        <family val="3"/>
        <charset val="128"/>
      </rPr>
      <t>」、「</t>
    </r>
    <r>
      <rPr>
        <sz val="11"/>
        <rFont val="Arial"/>
        <family val="2"/>
      </rPr>
      <t>D.Part 2</t>
    </r>
    <r>
      <rPr>
        <sz val="11"/>
        <rFont val="ＭＳ Ｐゴシック"/>
        <family val="3"/>
        <charset val="128"/>
      </rPr>
      <t>」シート下部に</t>
    </r>
    <rPh sb="27" eb="29">
      <t>カブ</t>
    </rPh>
    <phoneticPr fontId="7"/>
  </si>
  <si>
    <r>
      <rPr>
        <sz val="11"/>
        <rFont val="ＭＳ Ｐゴシック"/>
        <family val="3"/>
        <charset val="128"/>
      </rPr>
      <t>「</t>
    </r>
    <r>
      <rPr>
        <sz val="11"/>
        <rFont val="Arial"/>
        <family val="2"/>
      </rPr>
      <t>A.RoHS</t>
    </r>
    <r>
      <rPr>
        <sz val="11"/>
        <rFont val="ＭＳ Ｐゴシック"/>
        <family val="3"/>
        <charset val="128"/>
      </rPr>
      <t>」シートの調査確認製品欄へは、以下の内容を入力（記入）してください。</t>
    </r>
    <rPh sb="18" eb="19">
      <t>ラン</t>
    </rPh>
    <rPh sb="22" eb="24">
      <t>イカ</t>
    </rPh>
    <rPh sb="25" eb="27">
      <t>ナイヨウ</t>
    </rPh>
    <rPh sb="28" eb="30">
      <t>ニュウリョク</t>
    </rPh>
    <rPh sb="31" eb="33">
      <t>キニュウ</t>
    </rPh>
    <phoneticPr fontId="7"/>
  </si>
  <si>
    <r>
      <rPr>
        <sz val="11"/>
        <rFont val="ＭＳ Ｐゴシック"/>
        <family val="3"/>
        <charset val="128"/>
      </rPr>
      <t>「</t>
    </r>
    <r>
      <rPr>
        <sz val="11"/>
        <rFont val="Arial"/>
        <family val="2"/>
      </rPr>
      <t>D.Part 2</t>
    </r>
    <r>
      <rPr>
        <sz val="11"/>
        <rFont val="ＭＳ Ｐゴシック"/>
        <family val="3"/>
        <charset val="128"/>
      </rPr>
      <t>」シートの調査確認製品欄へは、以下の内容を入力（記入）してください。</t>
    </r>
    <rPh sb="20" eb="21">
      <t>ラン</t>
    </rPh>
    <rPh sb="24" eb="26">
      <t>イカ</t>
    </rPh>
    <rPh sb="27" eb="29">
      <t>ナイヨウ</t>
    </rPh>
    <rPh sb="30" eb="32">
      <t>ニュウリョク</t>
    </rPh>
    <rPh sb="33" eb="35">
      <t>キニュウ</t>
    </rPh>
    <phoneticPr fontId="7"/>
  </si>
  <si>
    <t>In the fields of "Information on surveyed product" on the sheet "A.RoHS", please fill the contents below:</t>
    <phoneticPr fontId="7"/>
  </si>
  <si>
    <t>&lt; On the top of the sheet "A.RoHS", "D.Part 2"&gt;</t>
    <phoneticPr fontId="7"/>
  </si>
  <si>
    <t>&lt; On the bottom of the sheet "C.Candidate”, "D.Part 2"&gt;</t>
    <phoneticPr fontId="7"/>
  </si>
  <si>
    <r>
      <t>2</t>
    </r>
    <r>
      <rPr>
        <sz val="11"/>
        <rFont val="ＭＳ Ｐゴシック"/>
        <family val="3"/>
        <charset val="128"/>
      </rPr>
      <t>）</t>
    </r>
    <r>
      <rPr>
        <sz val="11"/>
        <rFont val="Arial"/>
        <family val="2"/>
      </rPr>
      <t xml:space="preserve"> SDP Part Code : the product code assigned by SDP</t>
    </r>
    <phoneticPr fontId="7"/>
  </si>
  <si>
    <t>In the fields of "Information on surveyed product" on the sheet "D.Part 2", please fill the contents below:</t>
    <phoneticPr fontId="7"/>
  </si>
  <si>
    <t>please send promptly the revised report to SDP.</t>
    <phoneticPr fontId="7"/>
  </si>
  <si>
    <r>
      <rPr>
        <sz val="11"/>
        <rFont val="ＭＳ Ｐゴシック"/>
        <family val="3"/>
        <charset val="128"/>
      </rPr>
      <t>堺ディスプレイプロダクト株式会社（</t>
    </r>
    <r>
      <rPr>
        <sz val="11"/>
        <rFont val="Arial"/>
        <family val="3"/>
      </rPr>
      <t>SDP</t>
    </r>
    <r>
      <rPr>
        <sz val="11"/>
        <rFont val="ＭＳ Ｐゴシック"/>
        <family val="3"/>
        <charset val="128"/>
      </rPr>
      <t>）</t>
    </r>
    <r>
      <rPr>
        <sz val="11"/>
        <rFont val="Arial"/>
        <family val="2"/>
      </rPr>
      <t xml:space="preserve"> </t>
    </r>
    <r>
      <rPr>
        <sz val="11"/>
        <rFont val="ＭＳ Ｐゴシック"/>
        <family val="3"/>
        <charset val="128"/>
      </rPr>
      <t>行</t>
    </r>
    <rPh sb="0" eb="1">
      <t>サカイ</t>
    </rPh>
    <rPh sb="12" eb="16">
      <t>カブシキガイシャ</t>
    </rPh>
    <rPh sb="22" eb="23">
      <t>イキ</t>
    </rPh>
    <phoneticPr fontId="7"/>
  </si>
  <si>
    <t>To: Sakai Display Products Corporation(SDP)</t>
    <phoneticPr fontId="7"/>
  </si>
  <si>
    <r>
      <t>1</t>
    </r>
    <r>
      <rPr>
        <sz val="11"/>
        <rFont val="ＭＳ Ｐゴシック"/>
        <family val="3"/>
        <charset val="128"/>
      </rPr>
      <t>）</t>
    </r>
    <r>
      <rPr>
        <sz val="11"/>
        <rFont val="Arial"/>
        <family val="3"/>
      </rPr>
      <t>SDP</t>
    </r>
    <r>
      <rPr>
        <sz val="11"/>
        <rFont val="ＭＳ Ｐゴシック"/>
        <family val="3"/>
        <charset val="128"/>
      </rPr>
      <t>部品コード／</t>
    </r>
    <r>
      <rPr>
        <sz val="9"/>
        <rFont val="Arial"/>
        <family val="2"/>
      </rPr>
      <t>SDP Part Code</t>
    </r>
    <phoneticPr fontId="7"/>
  </si>
  <si>
    <r>
      <rPr>
        <b/>
        <u/>
        <sz val="10"/>
        <rFont val="ＭＳ Ｐゴシック"/>
        <family val="3"/>
        <charset val="128"/>
      </rPr>
      <t>（注）上記確認結果が｢</t>
    </r>
    <r>
      <rPr>
        <b/>
        <u/>
        <sz val="10"/>
        <rFont val="Arial"/>
        <family val="2"/>
      </rPr>
      <t>Not Applicable</t>
    </r>
    <r>
      <rPr>
        <b/>
        <u/>
        <sz val="10"/>
        <rFont val="ＭＳ Ｐゴシック"/>
        <family val="3"/>
        <charset val="128"/>
      </rPr>
      <t>｣の場合は、</t>
    </r>
    <r>
      <rPr>
        <b/>
        <u/>
        <sz val="10"/>
        <rFont val="Arial"/>
        <family val="3"/>
      </rPr>
      <t>SDP</t>
    </r>
    <r>
      <rPr>
        <b/>
        <u/>
        <sz val="10"/>
        <rFont val="ＭＳ Ｐゴシック"/>
        <family val="3"/>
        <charset val="128"/>
      </rPr>
      <t>での採用は原則不可／</t>
    </r>
    <phoneticPr fontId="7"/>
  </si>
  <si>
    <t>Note) When the result shows "Not Applicable", the product is not adopted by SDP in principle.</t>
    <phoneticPr fontId="7"/>
  </si>
  <si>
    <r>
      <rPr>
        <b/>
        <u/>
        <sz val="10"/>
        <color theme="1"/>
        <rFont val="ＭＳ Ｐゴシック"/>
        <family val="3"/>
        <charset val="128"/>
      </rPr>
      <t>判定基準の確認結果が「</t>
    </r>
    <r>
      <rPr>
        <b/>
        <u/>
        <sz val="10"/>
        <color theme="1"/>
        <rFont val="Arial"/>
        <family val="2"/>
      </rPr>
      <t>Not Applicable</t>
    </r>
    <r>
      <rPr>
        <b/>
        <u/>
        <sz val="10"/>
        <color theme="1"/>
        <rFont val="ＭＳ Ｐゴシック"/>
        <family val="3"/>
        <charset val="128"/>
      </rPr>
      <t>」の場合は、</t>
    </r>
    <r>
      <rPr>
        <b/>
        <u/>
        <sz val="10"/>
        <color theme="1"/>
        <rFont val="Arial"/>
        <family val="2"/>
      </rPr>
      <t>B2-</t>
    </r>
    <r>
      <rPr>
        <b/>
        <u/>
        <sz val="10"/>
        <color theme="1"/>
        <rFont val="ＭＳ Ｐゴシック"/>
        <family val="3"/>
        <charset val="128"/>
      </rPr>
      <t>別表にて使用可否の判定を記載し添付いたします／</t>
    </r>
    <phoneticPr fontId="7"/>
  </si>
  <si>
    <r>
      <rPr>
        <b/>
        <u/>
        <sz val="10"/>
        <color theme="1"/>
        <rFont val="ＭＳ Ｐゴシック"/>
        <family val="3"/>
        <charset val="128"/>
      </rPr>
      <t>（注）上記確認結果が｢</t>
    </r>
    <r>
      <rPr>
        <b/>
        <u/>
        <sz val="10"/>
        <color theme="1"/>
        <rFont val="Arial"/>
        <family val="2"/>
      </rPr>
      <t>Not Applicable</t>
    </r>
    <r>
      <rPr>
        <b/>
        <u/>
        <sz val="10"/>
        <color theme="1"/>
        <rFont val="ＭＳ Ｐゴシック"/>
        <family val="3"/>
        <charset val="128"/>
      </rPr>
      <t>｣および「</t>
    </r>
    <r>
      <rPr>
        <b/>
        <u/>
        <sz val="10"/>
        <color theme="1"/>
        <rFont val="Arial"/>
        <family val="2"/>
      </rPr>
      <t>Used</t>
    </r>
    <r>
      <rPr>
        <b/>
        <u/>
        <sz val="10"/>
        <color theme="1"/>
        <rFont val="ＭＳ Ｐゴシック"/>
        <family val="3"/>
        <charset val="128"/>
      </rPr>
      <t>」の場合は、</t>
    </r>
    <r>
      <rPr>
        <b/>
        <u/>
        <sz val="10"/>
        <color theme="1"/>
        <rFont val="Arial"/>
        <family val="3"/>
      </rPr>
      <t>SDP</t>
    </r>
    <r>
      <rPr>
        <b/>
        <u/>
        <sz val="10"/>
        <color theme="1"/>
        <rFont val="ＭＳ Ｐゴシック"/>
        <family val="3"/>
        <charset val="128"/>
      </rPr>
      <t>での採用は不可／</t>
    </r>
    <phoneticPr fontId="7"/>
  </si>
  <si>
    <t>Note) When "Not Applicable" and/or "Used" is selected on the Result, the part or material is prohibited by the SDP standard.</t>
    <phoneticPr fontId="7"/>
  </si>
  <si>
    <r>
      <t xml:space="preserve">    </t>
    </r>
    <r>
      <rPr>
        <sz val="11"/>
        <rFont val="ＭＳ Ｐゴシック"/>
        <family val="3"/>
        <charset val="128"/>
      </rPr>
      <t>・法規制等において、閾値や禁止日、規制用途（除外用途）等が決定されていない為、現時点で</t>
    </r>
    <r>
      <rPr>
        <sz val="11"/>
        <rFont val="Arial"/>
        <family val="3"/>
      </rPr>
      <t>SDP</t>
    </r>
    <r>
      <rPr>
        <sz val="11"/>
        <rFont val="ＭＳ Ｐゴシック"/>
        <family val="3"/>
        <charset val="128"/>
      </rPr>
      <t>使用禁止物質として明記できませんが、</t>
    </r>
    <phoneticPr fontId="7"/>
  </si>
  <si>
    <t xml:space="preserve">         but in the future based on the trends of laws and regulations, etc. Specify for SDP's "Candidate substances to be banned".</t>
    <phoneticPr fontId="7"/>
  </si>
  <si>
    <r>
      <t xml:space="preserve">    </t>
    </r>
    <r>
      <rPr>
        <sz val="11"/>
        <rFont val="ＭＳ Ｐゴシック"/>
        <family val="3"/>
        <charset val="128"/>
      </rPr>
      <t>・法規制等が確定されるタイミングによっては、</t>
    </r>
    <r>
      <rPr>
        <sz val="11"/>
        <rFont val="Arial"/>
        <family val="3"/>
      </rPr>
      <t>SDP</t>
    </r>
    <r>
      <rPr>
        <sz val="11"/>
        <rFont val="ＭＳ Ｐゴシック"/>
        <family val="3"/>
        <charset val="128"/>
      </rPr>
      <t>使用禁止物質に設定から納入禁止日までに猶予期間を設けることができない</t>
    </r>
    <phoneticPr fontId="7"/>
  </si>
  <si>
    <t xml:space="preserve">         as SDP's "Banned substances" to the delivery prohibition date, so if it is contained, please proceed with the substitution as soon as possible.</t>
    <phoneticPr fontId="7"/>
  </si>
  <si>
    <t>（注）上記の「使用禁止候補物質」の確認結果については、別途詳細を確認する場合があります／</t>
    <rPh sb="17" eb="19">
      <t>カクニン</t>
    </rPh>
    <rPh sb="19" eb="21">
      <t>ケッカ</t>
    </rPh>
    <phoneticPr fontId="7"/>
  </si>
  <si>
    <t>Note) Regarding the Result of the above "Candidate substances to be banned", the details may be confirmed.</t>
    <phoneticPr fontId="7"/>
  </si>
  <si>
    <r>
      <t xml:space="preserve">D. </t>
    </r>
    <r>
      <rPr>
        <b/>
        <sz val="20"/>
        <rFont val="ＭＳ Ｐゴシック"/>
        <family val="2"/>
        <charset val="128"/>
      </rPr>
      <t>調査対象化学物質（</t>
    </r>
    <r>
      <rPr>
        <b/>
        <sz val="20"/>
        <rFont val="Arial"/>
        <family val="2"/>
      </rPr>
      <t>Part 2</t>
    </r>
    <r>
      <rPr>
        <b/>
        <sz val="20"/>
        <rFont val="ＭＳ Ｐゴシック"/>
        <family val="2"/>
        <charset val="128"/>
      </rPr>
      <t>）</t>
    </r>
    <r>
      <rPr>
        <b/>
        <sz val="20"/>
        <rFont val="ＭＳ Ｐゴシック"/>
        <family val="3"/>
        <charset val="128"/>
      </rPr>
      <t xml:space="preserve">
</t>
    </r>
    <r>
      <rPr>
        <b/>
        <sz val="20"/>
        <rFont val="Arial"/>
        <family val="2"/>
      </rPr>
      <t>D</t>
    </r>
    <r>
      <rPr>
        <sz val="14"/>
        <rFont val="Arial"/>
        <family val="2"/>
      </rPr>
      <t>. Chemical Substances to be investigated (Part 2)</t>
    </r>
    <rPh sb="3" eb="5">
      <t>チョウサ</t>
    </rPh>
    <rPh sb="5" eb="7">
      <t>タイショウ</t>
    </rPh>
    <rPh sb="7" eb="9">
      <t>カガク</t>
    </rPh>
    <rPh sb="9" eb="11">
      <t>ブッシツ</t>
    </rPh>
    <phoneticPr fontId="78"/>
  </si>
  <si>
    <r>
      <rPr>
        <b/>
        <sz val="11"/>
        <rFont val="ＭＳ Ｐゴシック"/>
        <family val="3"/>
        <charset val="128"/>
      </rPr>
      <t>（【質問</t>
    </r>
    <r>
      <rPr>
        <b/>
        <sz val="11"/>
        <rFont val="Arial"/>
        <family val="2"/>
      </rPr>
      <t>1</t>
    </r>
    <r>
      <rPr>
        <b/>
        <sz val="11"/>
        <rFont val="ＭＳ Ｐゴシック"/>
        <family val="3"/>
        <charset val="128"/>
      </rPr>
      <t>】が「</t>
    </r>
    <r>
      <rPr>
        <b/>
        <sz val="11"/>
        <rFont val="Arial"/>
        <family val="2"/>
      </rPr>
      <t>YES</t>
    </r>
    <r>
      <rPr>
        <b/>
        <sz val="11"/>
        <rFont val="ＭＳ Ｐゴシック"/>
        <family val="3"/>
        <charset val="128"/>
      </rPr>
      <t>」の場合のみ）
生産設備は</t>
    </r>
    <r>
      <rPr>
        <b/>
        <sz val="11"/>
        <rFont val="Arial"/>
        <family val="3"/>
      </rPr>
      <t>SDP</t>
    </r>
    <r>
      <rPr>
        <b/>
        <sz val="11"/>
        <rFont val="ＭＳ Ｐゴシック"/>
        <family val="3"/>
        <charset val="128"/>
      </rPr>
      <t>納入品（または納入予定品）の設備と共用（併用）している。</t>
    </r>
    <r>
      <rPr>
        <sz val="11"/>
        <rFont val="Arial"/>
        <family val="2"/>
      </rPr>
      <t xml:space="preserve">
</t>
    </r>
    <r>
      <rPr>
        <sz val="9"/>
        <rFont val="Arial"/>
        <family val="2"/>
      </rPr>
      <t xml:space="preserve">(If the answer of "No.1" is "YES")
The production facility where the above phthalates are handled is used as the facility for products to be supplied to SDP. </t>
    </r>
    <rPh sb="2" eb="4">
      <t>シツモン</t>
    </rPh>
    <rPh sb="13" eb="15">
      <t>バアイ</t>
    </rPh>
    <rPh sb="19" eb="21">
      <t>セイサン</t>
    </rPh>
    <rPh sb="21" eb="23">
      <t>セツビ</t>
    </rPh>
    <rPh sb="27" eb="29">
      <t>ノウニュウ</t>
    </rPh>
    <rPh sb="29" eb="30">
      <t>ヒン</t>
    </rPh>
    <rPh sb="34" eb="36">
      <t>ノウニュウ</t>
    </rPh>
    <rPh sb="36" eb="38">
      <t>ヨテイ</t>
    </rPh>
    <rPh sb="38" eb="39">
      <t>ヒン</t>
    </rPh>
    <rPh sb="41" eb="43">
      <t>セツビ</t>
    </rPh>
    <rPh sb="44" eb="46">
      <t>キョウヨウ</t>
    </rPh>
    <rPh sb="47" eb="49">
      <t>ヘイヨウ</t>
    </rPh>
    <phoneticPr fontId="78"/>
  </si>
  <si>
    <r>
      <rPr>
        <b/>
        <sz val="11"/>
        <rFont val="ＭＳ Ｐゴシック"/>
        <family val="3"/>
        <charset val="128"/>
      </rPr>
      <t>【質問</t>
    </r>
    <r>
      <rPr>
        <b/>
        <sz val="11"/>
        <rFont val="Arial"/>
        <family val="2"/>
      </rPr>
      <t>2</t>
    </r>
    <r>
      <rPr>
        <b/>
        <sz val="11"/>
        <rFont val="ＭＳ Ｐゴシック"/>
        <family val="3"/>
        <charset val="128"/>
      </rPr>
      <t>】が「</t>
    </r>
    <r>
      <rPr>
        <b/>
        <sz val="11"/>
        <rFont val="Arial"/>
        <family val="2"/>
      </rPr>
      <t>YES</t>
    </r>
    <r>
      <rPr>
        <b/>
        <sz val="11"/>
        <rFont val="ＭＳ Ｐゴシック"/>
        <family val="3"/>
        <charset val="128"/>
      </rPr>
      <t xml:space="preserve">」の場合、
</t>
    </r>
    <r>
      <rPr>
        <b/>
        <sz val="11"/>
        <rFont val="Arial"/>
        <family val="3"/>
      </rPr>
      <t>SDP</t>
    </r>
    <r>
      <rPr>
        <b/>
        <sz val="11"/>
        <rFont val="ＭＳ Ｐゴシック"/>
        <family val="3"/>
        <charset val="128"/>
      </rPr>
      <t>納入品（納入予定品）へのフタル酸エステル混入防止方法について、別紙の通り回答します。
　　・設備の洗浄手順、検証方法など
　　・ロット保証の検証方法など</t>
    </r>
    <r>
      <rPr>
        <sz val="11"/>
        <rFont val="Arial"/>
        <family val="2"/>
      </rPr>
      <t xml:space="preserve">
</t>
    </r>
    <r>
      <rPr>
        <sz val="9"/>
        <rFont val="Arial"/>
        <family val="2"/>
      </rPr>
      <t xml:space="preserve">(If the answer of "No.2" is "YES")
Regarding the method for preventing the phthalates from being contained in products to be supplied to SDP, reply it on a separate sheet
</t>
    </r>
    <r>
      <rPr>
        <sz val="9"/>
        <rFont val="ＭＳ Ｐゴシック"/>
        <family val="3"/>
        <charset val="128"/>
      </rPr>
      <t>　　</t>
    </r>
    <r>
      <rPr>
        <sz val="9"/>
        <rFont val="Arial"/>
        <family val="2"/>
      </rPr>
      <t xml:space="preserve">-Procedures for cleaning facilities, etc.
</t>
    </r>
    <r>
      <rPr>
        <sz val="9"/>
        <rFont val="ＭＳ Ｐゴシック"/>
        <family val="3"/>
        <charset val="128"/>
      </rPr>
      <t>　　</t>
    </r>
    <r>
      <rPr>
        <sz val="9"/>
        <rFont val="Arial"/>
        <family val="2"/>
      </rPr>
      <t>-Methods for examination of lot guarantees, etc.</t>
    </r>
    <rPh sb="1" eb="3">
      <t>シツモン</t>
    </rPh>
    <rPh sb="12" eb="14">
      <t>バアイ</t>
    </rPh>
    <rPh sb="19" eb="21">
      <t>ノウニュウ</t>
    </rPh>
    <rPh sb="21" eb="22">
      <t>ヒン</t>
    </rPh>
    <rPh sb="23" eb="25">
      <t>ノウニュウ</t>
    </rPh>
    <rPh sb="25" eb="27">
      <t>ヨテイ</t>
    </rPh>
    <rPh sb="27" eb="28">
      <t>ヒン</t>
    </rPh>
    <rPh sb="34" eb="35">
      <t>サン</t>
    </rPh>
    <rPh sb="39" eb="41">
      <t>コンニュウ</t>
    </rPh>
    <rPh sb="41" eb="43">
      <t>ボウシ</t>
    </rPh>
    <rPh sb="43" eb="45">
      <t>ホウホウ</t>
    </rPh>
    <rPh sb="50" eb="52">
      <t>ベッシ</t>
    </rPh>
    <rPh sb="53" eb="54">
      <t>トオ</t>
    </rPh>
    <rPh sb="55" eb="57">
      <t>カイトウ</t>
    </rPh>
    <rPh sb="65" eb="67">
      <t>セツビ</t>
    </rPh>
    <rPh sb="68" eb="70">
      <t>センジョウ</t>
    </rPh>
    <rPh sb="70" eb="72">
      <t>テジュン</t>
    </rPh>
    <rPh sb="73" eb="75">
      <t>ケンショウ</t>
    </rPh>
    <rPh sb="75" eb="77">
      <t>ホウホウ</t>
    </rPh>
    <rPh sb="86" eb="88">
      <t>ホショウ</t>
    </rPh>
    <rPh sb="89" eb="91">
      <t>ケンショウ</t>
    </rPh>
    <rPh sb="91" eb="93">
      <t>ホウホウ</t>
    </rPh>
    <phoneticPr fontId="78"/>
  </si>
  <si>
    <r>
      <t>EU RoHS</t>
    </r>
    <r>
      <rPr>
        <b/>
        <u/>
        <sz val="11"/>
        <rFont val="ＭＳ Ｐゴシック"/>
        <family val="3"/>
        <charset val="128"/>
      </rPr>
      <t>指令の適用除外期限に対する</t>
    </r>
    <r>
      <rPr>
        <b/>
        <u/>
        <sz val="11"/>
        <rFont val="Arial"/>
        <family val="3"/>
      </rPr>
      <t>SDP</t>
    </r>
    <r>
      <rPr>
        <b/>
        <u/>
        <sz val="11"/>
        <rFont val="ＭＳ Ｐゴシック"/>
        <family val="3"/>
        <charset val="128"/>
      </rPr>
      <t>への納入禁止日の考え方／</t>
    </r>
    <r>
      <rPr>
        <b/>
        <u/>
        <sz val="9"/>
        <rFont val="Arial"/>
        <family val="2"/>
      </rPr>
      <t>The SHARP's policy of delivery dates to SDP and EU RoHS exemption's due date.</t>
    </r>
    <phoneticPr fontId="7"/>
  </si>
  <si>
    <r>
      <t xml:space="preserve"> 1) </t>
    </r>
    <r>
      <rPr>
        <sz val="11"/>
        <rFont val="ＭＳ Ｐゴシック"/>
        <family val="3"/>
        <charset val="128"/>
      </rPr>
      <t>原則として、</t>
    </r>
    <r>
      <rPr>
        <sz val="11"/>
        <rFont val="Arial"/>
        <family val="2"/>
      </rPr>
      <t>RoHS</t>
    </r>
    <r>
      <rPr>
        <sz val="11"/>
        <rFont val="ＭＳ Ｐゴシック"/>
        <family val="3"/>
        <charset val="128"/>
      </rPr>
      <t>適用除外期限の半年前を</t>
    </r>
    <r>
      <rPr>
        <sz val="11"/>
        <rFont val="Arial"/>
        <family val="3"/>
      </rPr>
      <t>SDP</t>
    </r>
    <r>
      <rPr>
        <sz val="11"/>
        <rFont val="ＭＳ Ｐゴシック"/>
        <family val="3"/>
        <charset val="128"/>
      </rPr>
      <t>への納入禁止日とします／</t>
    </r>
    <phoneticPr fontId="7"/>
  </si>
  <si>
    <t xml:space="preserve">     In principle, SDP set up delivery prohibition date to SDP as "six month" before the due date of EU RoHS exemption.</t>
    <phoneticPr fontId="7"/>
  </si>
  <si>
    <r>
      <t xml:space="preserve">    </t>
    </r>
    <r>
      <rPr>
        <sz val="11"/>
        <rFont val="ＭＳ Ｐゴシック"/>
        <family val="3"/>
        <charset val="128"/>
      </rPr>
      <t>例）</t>
    </r>
    <r>
      <rPr>
        <sz val="11"/>
        <rFont val="Arial"/>
        <family val="2"/>
      </rPr>
      <t>RoHS</t>
    </r>
    <r>
      <rPr>
        <sz val="11"/>
        <rFont val="ＭＳ Ｐゴシック"/>
        <family val="3"/>
        <charset val="128"/>
      </rPr>
      <t>指令の適用除外期限が「</t>
    </r>
    <r>
      <rPr>
        <sz val="11"/>
        <rFont val="Arial"/>
        <family val="2"/>
      </rPr>
      <t>2021</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の場合、</t>
    </r>
    <r>
      <rPr>
        <sz val="11"/>
        <rFont val="Arial"/>
        <family val="3"/>
      </rPr>
      <t>SDP</t>
    </r>
    <r>
      <rPr>
        <sz val="11"/>
        <rFont val="ＭＳ Ｐゴシック"/>
        <family val="3"/>
        <charset val="128"/>
      </rPr>
      <t>への納入禁止日は「</t>
    </r>
    <r>
      <rPr>
        <sz val="11"/>
        <rFont val="Arial"/>
        <family val="2"/>
      </rPr>
      <t>2021</t>
    </r>
    <r>
      <rPr>
        <sz val="11"/>
        <rFont val="ＭＳ Ｐゴシック"/>
        <family val="3"/>
        <charset val="128"/>
      </rPr>
      <t>年</t>
    </r>
    <r>
      <rPr>
        <sz val="11"/>
        <rFont val="Arial"/>
        <family val="2"/>
      </rPr>
      <t>1</t>
    </r>
    <r>
      <rPr>
        <sz val="11"/>
        <rFont val="ＭＳ Ｐゴシック"/>
        <family val="3"/>
        <charset val="128"/>
      </rPr>
      <t>月</t>
    </r>
    <r>
      <rPr>
        <sz val="11"/>
        <rFont val="Arial"/>
        <family val="2"/>
      </rPr>
      <t>21</t>
    </r>
    <r>
      <rPr>
        <sz val="11"/>
        <rFont val="ＭＳ Ｐゴシック"/>
        <family val="3"/>
        <charset val="128"/>
      </rPr>
      <t>日」／</t>
    </r>
    <phoneticPr fontId="7"/>
  </si>
  <si>
    <t xml:space="preserve">     Example) If the deadline of RoHS Exemption is "21 July 2021," the delivery prohibition date to SDP is "21 Jan. 2021".</t>
    <phoneticPr fontId="7"/>
  </si>
  <si>
    <r>
      <t xml:space="preserve"> 2) </t>
    </r>
    <r>
      <rPr>
        <sz val="11"/>
        <rFont val="ＭＳ Ｐゴシック"/>
        <family val="3"/>
        <charset val="128"/>
      </rPr>
      <t>当報告書発行以降に法規制の適用除外期限が変更になった場合は、原則として変更になった期限の半年前を</t>
    </r>
    <r>
      <rPr>
        <sz val="11"/>
        <rFont val="Arial"/>
        <family val="3"/>
      </rPr>
      <t>SDP</t>
    </r>
    <r>
      <rPr>
        <sz val="11"/>
        <rFont val="ＭＳ Ｐゴシック"/>
        <family val="3"/>
        <charset val="128"/>
      </rPr>
      <t>の納入禁止日といたします。／</t>
    </r>
    <phoneticPr fontId="7"/>
  </si>
  <si>
    <t xml:space="preserve">    If the deadline of RoHS Exemption is changed after issuance of this report, in principle, the delivery prohibition date to SDP will be six months before the changed deadline.</t>
    <phoneticPr fontId="7"/>
  </si>
  <si>
    <r>
      <rPr>
        <b/>
        <sz val="11"/>
        <color theme="1"/>
        <rFont val="ＭＳ Ｐゴシック"/>
        <family val="3"/>
        <charset val="128"/>
      </rPr>
      <t>第</t>
    </r>
    <r>
      <rPr>
        <b/>
        <sz val="11"/>
        <color theme="1"/>
        <rFont val="Arial"/>
        <family val="2"/>
      </rPr>
      <t>A2</t>
    </r>
    <r>
      <rPr>
        <b/>
        <sz val="11"/>
        <color theme="1"/>
        <rFont val="ＭＳ Ｐゴシック"/>
        <family val="3"/>
        <charset val="128"/>
      </rPr>
      <t>項の確認結果が「</t>
    </r>
    <r>
      <rPr>
        <b/>
        <sz val="11"/>
        <color theme="1"/>
        <rFont val="Arial"/>
        <family val="2"/>
      </rPr>
      <t>Not Applicable</t>
    </r>
    <r>
      <rPr>
        <b/>
        <sz val="11"/>
        <color theme="1"/>
        <rFont val="ＭＳ Ｐゴシック"/>
        <family val="3"/>
        <charset val="128"/>
      </rPr>
      <t>」の項目について、下記の「</t>
    </r>
    <r>
      <rPr>
        <b/>
        <sz val="11"/>
        <color theme="1"/>
        <rFont val="Arial"/>
        <family val="3"/>
      </rPr>
      <t>SDP</t>
    </r>
    <r>
      <rPr>
        <b/>
        <sz val="11"/>
        <color theme="1"/>
        <rFont val="ＭＳ Ｐゴシック"/>
        <family val="3"/>
        <charset val="128"/>
      </rPr>
      <t>の納入禁止日の考え方」の判定基準に従い確認した結果、該当する項目の｢確認結果｣欄にチェック（</t>
    </r>
    <r>
      <rPr>
        <b/>
        <sz val="11"/>
        <color theme="1"/>
        <rFont val="Arial"/>
        <family val="2"/>
      </rPr>
      <t>X</t>
    </r>
    <r>
      <rPr>
        <b/>
        <sz val="11"/>
        <color theme="1"/>
        <rFont val="ＭＳ Ｐゴシック"/>
        <family val="3"/>
        <charset val="128"/>
      </rPr>
      <t>）しています／</t>
    </r>
    <r>
      <rPr>
        <b/>
        <sz val="9"/>
        <color theme="1"/>
        <rFont val="Arial"/>
        <family val="2"/>
      </rPr>
      <t>Regarding items whose confirmatory result are "Not Applicable" in clause A2, "X" are marked in the result column based on the criteria in accordance with "The SDP's policy of delivery dates to SDP and EU RoHS exemption's due date".</t>
    </r>
    <phoneticPr fontId="7"/>
  </si>
  <si>
    <r>
      <t>*2) EU</t>
    </r>
    <r>
      <rPr>
        <b/>
        <sz val="8"/>
        <rFont val="ＭＳ Ｐゴシック"/>
        <family val="3"/>
        <charset val="128"/>
      </rPr>
      <t>で適用除外の延長申請が受付けられ、当報告書発行時点（</t>
    </r>
    <r>
      <rPr>
        <b/>
        <sz val="8"/>
        <rFont val="Arial"/>
        <family val="2"/>
      </rPr>
      <t>2023</t>
    </r>
    <r>
      <rPr>
        <b/>
        <sz val="8"/>
        <rFont val="ＭＳ Ｐゴシック"/>
        <family val="3"/>
        <charset val="128"/>
      </rPr>
      <t>年</t>
    </r>
    <r>
      <rPr>
        <b/>
        <sz val="8"/>
        <rFont val="Arial"/>
        <family val="2"/>
      </rPr>
      <t>10</t>
    </r>
    <r>
      <rPr>
        <b/>
        <sz val="8"/>
        <rFont val="ＭＳ Ｐゴシック"/>
        <family val="3"/>
        <charset val="128"/>
      </rPr>
      <t>月）で審議中。審議中は当適用除外は有効。期限が決定された場合は、その期限の半年前を</t>
    </r>
    <r>
      <rPr>
        <b/>
        <sz val="8"/>
        <rFont val="Arial"/>
        <family val="3"/>
      </rPr>
      <t>SDP</t>
    </r>
    <r>
      <rPr>
        <b/>
        <sz val="8"/>
        <rFont val="ＭＳ Ｐゴシック"/>
        <family val="3"/>
        <charset val="128"/>
      </rPr>
      <t>への納入禁止日とします。／</t>
    </r>
    <phoneticPr fontId="7"/>
  </si>
  <si>
    <t xml:space="preserve">   This exemption is valid during deliberation. When the deadline is decided, delivery prohibition date to SDP will be six months before the deadline.</t>
    <phoneticPr fontId="7"/>
  </si>
  <si>
    <r>
      <rPr>
        <sz val="11"/>
        <color theme="1"/>
        <rFont val="ＭＳ Ｐゴシック"/>
        <family val="3"/>
        <charset val="128"/>
      </rPr>
      <t>包装材料・包装部品（</t>
    </r>
    <r>
      <rPr>
        <sz val="11"/>
        <color theme="1"/>
        <rFont val="Arial"/>
        <family val="3"/>
      </rPr>
      <t>SDP</t>
    </r>
    <r>
      <rPr>
        <sz val="11"/>
        <color theme="1"/>
        <rFont val="ＭＳ Ｐゴシック"/>
        <family val="3"/>
        <charset val="128"/>
      </rPr>
      <t>製品梱包用が対象）に使用されている／</t>
    </r>
    <phoneticPr fontId="7"/>
  </si>
  <si>
    <t>Used in packaging material and packaging part for SDP product.</t>
    <phoneticPr fontId="7"/>
  </si>
  <si>
    <r>
      <rPr>
        <sz val="11"/>
        <color theme="1"/>
        <rFont val="ＭＳ Ｐゴシック"/>
        <family val="3"/>
        <charset val="128"/>
      </rPr>
      <t>代替困難であり、</t>
    </r>
    <r>
      <rPr>
        <sz val="11"/>
        <color theme="1"/>
        <rFont val="Arial"/>
        <family val="3"/>
      </rPr>
      <t>SDP</t>
    </r>
    <r>
      <rPr>
        <sz val="11"/>
        <color theme="1"/>
        <rFont val="ＭＳ Ｐゴシック"/>
        <family val="3"/>
        <charset val="128"/>
      </rPr>
      <t>の採用決定部門に許可を得ている／</t>
    </r>
    <phoneticPr fontId="7"/>
  </si>
  <si>
    <t>It is difficult to substitute, and a permission from the adoption decision department in SDP was obtained.</t>
    <phoneticPr fontId="7"/>
  </si>
  <si>
    <r>
      <rPr>
        <sz val="11"/>
        <rFont val="ＭＳ Ｐゴシック"/>
        <family val="3"/>
        <charset val="128"/>
      </rPr>
      <t>上記（</t>
    </r>
    <r>
      <rPr>
        <sz val="11"/>
        <rFont val="Arial"/>
        <family val="2"/>
      </rPr>
      <t>1</t>
    </r>
    <r>
      <rPr>
        <sz val="11"/>
        <rFont val="ＭＳ Ｐゴシック"/>
        <family val="3"/>
        <charset val="128"/>
      </rPr>
      <t>）に該当するが、仕向地限定の製品に採用されるものであり、</t>
    </r>
    <r>
      <rPr>
        <sz val="11"/>
        <rFont val="Arial"/>
        <family val="3"/>
      </rPr>
      <t>SDP</t>
    </r>
    <r>
      <rPr>
        <sz val="11"/>
        <rFont val="ＭＳ Ｐゴシック"/>
        <family val="3"/>
        <charset val="128"/>
      </rPr>
      <t>の採用決定部門に許可を得ている／</t>
    </r>
    <rPh sb="6" eb="8">
      <t>ガイトウ</t>
    </rPh>
    <phoneticPr fontId="7"/>
  </si>
  <si>
    <t>Used in the above (1) , and used for products with a limited destination and  having permission from adoption decision.</t>
    <phoneticPr fontId="7"/>
  </si>
  <si>
    <r>
      <rPr>
        <sz val="11"/>
        <rFont val="ＭＳ Ｐゴシック"/>
        <family val="3"/>
        <charset val="128"/>
      </rPr>
      <t>上記（</t>
    </r>
    <r>
      <rPr>
        <sz val="11"/>
        <rFont val="Arial"/>
        <family val="2"/>
      </rPr>
      <t>1</t>
    </r>
    <r>
      <rPr>
        <sz val="11"/>
        <rFont val="ＭＳ Ｐゴシック"/>
        <family val="3"/>
        <charset val="128"/>
      </rPr>
      <t>）に該当するが、代替困難であり、</t>
    </r>
    <r>
      <rPr>
        <sz val="11"/>
        <rFont val="Arial"/>
        <family val="3"/>
      </rPr>
      <t>SDP</t>
    </r>
    <r>
      <rPr>
        <sz val="11"/>
        <rFont val="ＭＳ Ｐゴシック"/>
        <family val="3"/>
        <charset val="128"/>
      </rPr>
      <t>の採用決定部門に許可を得ている／</t>
    </r>
    <rPh sb="6" eb="8">
      <t>ガイトウ</t>
    </rPh>
    <phoneticPr fontId="7"/>
  </si>
  <si>
    <t xml:space="preserve">Used in the above (1) , and it is difficult to substitute, and a permission from the adoption decision department in SDP was obtained.
</t>
    <phoneticPr fontId="7"/>
  </si>
  <si>
    <r>
      <rPr>
        <sz val="11"/>
        <rFont val="ＭＳ Ｐゴシック"/>
        <family val="3"/>
        <charset val="128"/>
      </rPr>
      <t>接着剤または封止剤に使用されていて、</t>
    </r>
    <r>
      <rPr>
        <sz val="11"/>
        <rFont val="Arial"/>
        <family val="3"/>
      </rPr>
      <t>SDP</t>
    </r>
    <r>
      <rPr>
        <sz val="11"/>
        <rFont val="ＭＳ Ｐゴシック"/>
        <family val="3"/>
        <charset val="128"/>
      </rPr>
      <t>の採用決定部門の許可を得ている［</t>
    </r>
    <r>
      <rPr>
        <sz val="11"/>
        <rFont val="Arial"/>
        <family val="2"/>
      </rPr>
      <t>2024</t>
    </r>
    <r>
      <rPr>
        <sz val="11"/>
        <rFont val="ＭＳ Ｐゴシック"/>
        <family val="3"/>
        <charset val="128"/>
      </rPr>
      <t>年</t>
    </r>
    <r>
      <rPr>
        <sz val="11"/>
        <rFont val="Arial"/>
        <family val="2"/>
      </rPr>
      <t>1</t>
    </r>
    <r>
      <rPr>
        <sz val="11"/>
        <rFont val="ＭＳ Ｐゴシック"/>
        <family val="3"/>
        <charset val="128"/>
      </rPr>
      <t>月</t>
    </r>
    <r>
      <rPr>
        <sz val="11"/>
        <rFont val="Arial"/>
        <family val="2"/>
      </rPr>
      <t>6</t>
    </r>
    <r>
      <rPr>
        <sz val="11"/>
        <rFont val="ＭＳ Ｐゴシック"/>
        <family val="3"/>
        <charset val="128"/>
      </rPr>
      <t>日以降使用禁止］／</t>
    </r>
    <rPh sb="10" eb="12">
      <t>シヨウ</t>
    </rPh>
    <phoneticPr fontId="7"/>
  </si>
  <si>
    <r>
      <rPr>
        <sz val="11"/>
        <rFont val="ＭＳ Ｐゴシック"/>
        <family val="3"/>
        <charset val="128"/>
      </rPr>
      <t>（感熱紙用途に</t>
    </r>
    <r>
      <rPr>
        <sz val="11"/>
        <rFont val="Arial"/>
        <family val="2"/>
      </rPr>
      <t>0.02wt%</t>
    </r>
    <r>
      <rPr>
        <sz val="11"/>
        <rFont val="ＭＳ Ｐゴシック"/>
        <family val="3"/>
        <charset val="128"/>
      </rPr>
      <t>以上の含有において、）仕向地限定の製品に採用されるものであり、</t>
    </r>
    <r>
      <rPr>
        <sz val="11"/>
        <rFont val="Arial"/>
        <family val="3"/>
      </rPr>
      <t>SDP</t>
    </r>
    <r>
      <rPr>
        <sz val="11"/>
        <rFont val="ＭＳ Ｐゴシック"/>
        <family val="3"/>
        <charset val="128"/>
      </rPr>
      <t>の採用決定部門の許可を得ている／</t>
    </r>
    <phoneticPr fontId="7"/>
  </si>
  <si>
    <r>
      <rPr>
        <sz val="11"/>
        <rFont val="ＭＳ Ｐゴシック"/>
        <family val="3"/>
        <charset val="128"/>
      </rPr>
      <t>包装材料・包装部品（</t>
    </r>
    <r>
      <rPr>
        <sz val="11"/>
        <rFont val="Arial"/>
        <family val="3"/>
      </rPr>
      <t>SDP</t>
    </r>
    <r>
      <rPr>
        <sz val="11"/>
        <rFont val="ＭＳ Ｐゴシック"/>
        <family val="3"/>
        <charset val="128"/>
      </rPr>
      <t>製品梱包用が対象）に使用されている／</t>
    </r>
    <phoneticPr fontId="7"/>
  </si>
  <si>
    <r>
      <rPr>
        <sz val="11"/>
        <rFont val="ＭＳ Ｐゴシック"/>
        <family val="3"/>
        <charset val="128"/>
      </rPr>
      <t>代替困難であり、</t>
    </r>
    <r>
      <rPr>
        <sz val="11"/>
        <rFont val="Arial"/>
        <family val="3"/>
      </rPr>
      <t>SDP</t>
    </r>
    <r>
      <rPr>
        <sz val="11"/>
        <rFont val="ＭＳ Ｐゴシック"/>
        <family val="3"/>
        <charset val="128"/>
      </rPr>
      <t>の採用決定部門に許可を得ている／</t>
    </r>
    <rPh sb="0" eb="2">
      <t>ダイタイ</t>
    </rPh>
    <phoneticPr fontId="7"/>
  </si>
  <si>
    <t>It is difficult to substitute, and a permission from the adoption decision department in SDP was obtained.</t>
    <phoneticPr fontId="7"/>
  </si>
  <si>
    <t>塩化パラフィン（平均炭素数23、平均塩素化率43％)</t>
    <phoneticPr fontId="7"/>
  </si>
  <si>
    <r>
      <t xml:space="preserve">C. </t>
    </r>
    <r>
      <rPr>
        <sz val="10"/>
        <rFont val="ＭＳ Ｐゴシック"/>
        <family val="3"/>
        <charset val="128"/>
      </rPr>
      <t>使用禁止候補物質</t>
    </r>
    <phoneticPr fontId="7"/>
  </si>
  <si>
    <r>
      <rPr>
        <sz val="10"/>
        <rFont val="ＭＳ Ｐゴシック"/>
        <family val="3"/>
        <charset val="128"/>
      </rPr>
      <t>（</t>
    </r>
    <r>
      <rPr>
        <sz val="10"/>
        <rFont val="Arial"/>
        <family val="2"/>
      </rPr>
      <t>EU REACH</t>
    </r>
    <r>
      <rPr>
        <sz val="10"/>
        <rFont val="ＭＳ Ｐゴシック"/>
        <family val="3"/>
        <charset val="128"/>
      </rPr>
      <t>規則）</t>
    </r>
    <r>
      <rPr>
        <sz val="10"/>
        <rFont val="ＭＳ Ｐゴシック"/>
        <family val="2"/>
        <charset val="128"/>
      </rPr>
      <t>※</t>
    </r>
    <rPh sb="9" eb="11">
      <t>キソク</t>
    </rPh>
    <phoneticPr fontId="7"/>
  </si>
  <si>
    <r>
      <rPr>
        <sz val="10"/>
        <rFont val="ＭＳ Ｐゴシック"/>
        <family val="3"/>
        <charset val="128"/>
      </rPr>
      <t>米国バーモント州</t>
    </r>
    <r>
      <rPr>
        <sz val="10"/>
        <rFont val="Arial"/>
        <family val="2"/>
      </rPr>
      <t>Act85</t>
    </r>
    <r>
      <rPr>
        <sz val="10"/>
        <rFont val="ＭＳ Ｐゴシック"/>
        <family val="3"/>
        <charset val="128"/>
      </rPr>
      <t>、米国</t>
    </r>
    <r>
      <rPr>
        <sz val="10"/>
        <rFont val="Arial"/>
        <family val="2"/>
      </rPr>
      <t>DC.Law 21-108/2016</t>
    </r>
    <r>
      <rPr>
        <sz val="10"/>
        <rFont val="ＭＳ Ｐゴシック"/>
        <family val="3"/>
        <charset val="128"/>
      </rPr>
      <t>、
（</t>
    </r>
    <r>
      <rPr>
        <sz val="10"/>
        <rFont val="Arial"/>
        <family val="2"/>
      </rPr>
      <t>EU REACH</t>
    </r>
    <r>
      <rPr>
        <sz val="10"/>
        <rFont val="ＭＳ Ｐゴシック"/>
        <family val="3"/>
        <charset val="128"/>
      </rPr>
      <t>規則）</t>
    </r>
    <r>
      <rPr>
        <sz val="10"/>
        <rFont val="ＭＳ Ｐゴシック"/>
        <family val="2"/>
        <charset val="128"/>
      </rPr>
      <t>※</t>
    </r>
    <rPh sb="0" eb="2">
      <t>ベイコク</t>
    </rPh>
    <rPh sb="7" eb="8">
      <t>シュウ</t>
    </rPh>
    <rPh sb="14" eb="16">
      <t>ベイコク</t>
    </rPh>
    <rPh sb="45" eb="47">
      <t>キソク</t>
    </rPh>
    <phoneticPr fontId="7"/>
  </si>
  <si>
    <r>
      <rPr>
        <sz val="10"/>
        <rFont val="ＭＳ Ｐゴシック"/>
        <family val="3"/>
        <charset val="128"/>
      </rPr>
      <t>＜</t>
    </r>
    <r>
      <rPr>
        <sz val="10"/>
        <rFont val="Arial"/>
        <family val="3"/>
      </rPr>
      <t>SDP</t>
    </r>
    <r>
      <rPr>
        <sz val="10"/>
        <rFont val="ＭＳ Ｐゴシック"/>
        <family val="3"/>
        <charset val="128"/>
      </rPr>
      <t>独自規制＞</t>
    </r>
    <phoneticPr fontId="7"/>
  </si>
  <si>
    <r>
      <rPr>
        <sz val="10"/>
        <rFont val="ＭＳ Ｐゴシック"/>
        <family val="3"/>
        <charset val="128"/>
      </rPr>
      <t>＜</t>
    </r>
    <r>
      <rPr>
        <sz val="10"/>
        <rFont val="Arial"/>
        <family val="3"/>
      </rPr>
      <t>SDP</t>
    </r>
    <r>
      <rPr>
        <sz val="10"/>
        <rFont val="ＭＳ Ｐゴシック"/>
        <family val="3"/>
        <charset val="128"/>
      </rPr>
      <t>独自規制＞</t>
    </r>
    <rPh sb="4" eb="6">
      <t>ドクジ</t>
    </rPh>
    <rPh sb="6" eb="8">
      <t>キセイ</t>
    </rPh>
    <phoneticPr fontId="7"/>
  </si>
  <si>
    <r>
      <t xml:space="preserve">D. </t>
    </r>
    <r>
      <rPr>
        <sz val="10"/>
        <rFont val="ＭＳ Ｐゴシック"/>
        <family val="3"/>
        <charset val="128"/>
      </rPr>
      <t>調査対象化学物質（</t>
    </r>
    <r>
      <rPr>
        <sz val="10"/>
        <rFont val="Arial"/>
        <family val="2"/>
      </rPr>
      <t>Part 2</t>
    </r>
    <r>
      <rPr>
        <sz val="10"/>
        <rFont val="ＭＳ Ｐゴシック"/>
        <family val="3"/>
        <charset val="128"/>
      </rPr>
      <t>）</t>
    </r>
    <rPh sb="3" eb="5">
      <t>チョウサ</t>
    </rPh>
    <rPh sb="5" eb="7">
      <t>タイショウ</t>
    </rPh>
    <rPh sb="7" eb="9">
      <t>カガク</t>
    </rPh>
    <rPh sb="9" eb="11">
      <t>ブッシツ</t>
    </rPh>
    <phoneticPr fontId="7"/>
  </si>
  <si>
    <r>
      <rPr>
        <sz val="10"/>
        <rFont val="ＭＳ Ｐゴシック"/>
        <family val="3"/>
        <charset val="128"/>
      </rPr>
      <t>化審法対象物質（特定第</t>
    </r>
    <r>
      <rPr>
        <sz val="10"/>
        <rFont val="Arial"/>
        <family val="2"/>
      </rPr>
      <t>1</t>
    </r>
    <r>
      <rPr>
        <sz val="10"/>
        <rFont val="ＭＳ Ｐゴシック"/>
        <family val="3"/>
        <charset val="128"/>
      </rPr>
      <t>種、第</t>
    </r>
    <r>
      <rPr>
        <sz val="10"/>
        <rFont val="Arial"/>
        <family val="2"/>
      </rPr>
      <t>2</t>
    </r>
    <r>
      <rPr>
        <sz val="10"/>
        <rFont val="ＭＳ Ｐゴシック"/>
        <family val="3"/>
        <charset val="128"/>
      </rPr>
      <t>種、監視物質）</t>
    </r>
    <rPh sb="0" eb="3">
      <t>カシンホウ</t>
    </rPh>
    <rPh sb="3" eb="5">
      <t>タイショウ</t>
    </rPh>
    <rPh sb="5" eb="7">
      <t>ブッシツ</t>
    </rPh>
    <rPh sb="8" eb="10">
      <t>トクテイ</t>
    </rPh>
    <rPh sb="10" eb="11">
      <t>ダイ</t>
    </rPh>
    <rPh sb="12" eb="13">
      <t>シュ</t>
    </rPh>
    <rPh sb="14" eb="15">
      <t>ダイ</t>
    </rPh>
    <rPh sb="16" eb="17">
      <t>シュ</t>
    </rPh>
    <rPh sb="18" eb="20">
      <t>カンシ</t>
    </rPh>
    <rPh sb="20" eb="22">
      <t>ブッシツ</t>
    </rPh>
    <phoneticPr fontId="7"/>
  </si>
  <si>
    <r>
      <t>TSCA</t>
    </r>
    <r>
      <rPr>
        <sz val="10"/>
        <color theme="1"/>
        <rFont val="ＭＳ Ｐゴシック"/>
        <family val="3"/>
        <charset val="128"/>
      </rPr>
      <t>対象物質</t>
    </r>
    <rPh sb="4" eb="6">
      <t>タイショウ</t>
    </rPh>
    <rPh sb="6" eb="8">
      <t>ブッシツ</t>
    </rPh>
    <phoneticPr fontId="7"/>
  </si>
  <si>
    <r>
      <t>POP</t>
    </r>
    <r>
      <rPr>
        <sz val="10"/>
        <color theme="1"/>
        <rFont val="ＭＳ Ｐゴシック"/>
        <family val="3"/>
        <charset val="128"/>
      </rPr>
      <t>ｓ対象物質</t>
    </r>
    <rPh sb="4" eb="6">
      <t>タイショウ</t>
    </rPh>
    <rPh sb="6" eb="8">
      <t>ブッシツ</t>
    </rPh>
    <phoneticPr fontId="7"/>
  </si>
  <si>
    <r>
      <t>POP</t>
    </r>
    <r>
      <rPr>
        <sz val="10"/>
        <rFont val="ＭＳ Ｐゴシック"/>
        <family val="3"/>
        <charset val="128"/>
      </rPr>
      <t>ｓ</t>
    </r>
    <phoneticPr fontId="7"/>
  </si>
  <si>
    <r>
      <rPr>
        <sz val="10"/>
        <rFont val="ＭＳ Ｐゴシック"/>
        <family val="3"/>
        <charset val="128"/>
      </rPr>
      <t>ムスクキシレン</t>
    </r>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t>
    </r>
    <r>
      <rPr>
        <sz val="10"/>
        <rFont val="ＭＳ Ｐゴシック"/>
        <family val="3"/>
        <charset val="128"/>
      </rPr>
      <t>Ⅳ</t>
    </r>
    <rPh sb="8" eb="10">
      <t>キソク</t>
    </rPh>
    <rPh sb="11" eb="14">
      <t>フゾクショ</t>
    </rPh>
    <phoneticPr fontId="7"/>
  </si>
  <si>
    <r>
      <rPr>
        <sz val="10"/>
        <rFont val="ＭＳ Ｐゴシック"/>
        <family val="3"/>
        <charset val="128"/>
      </rPr>
      <t>塩化パラフィン（平均炭素数２３、平均塩素化率４３％）</t>
    </r>
    <phoneticPr fontId="7"/>
  </si>
  <si>
    <r>
      <rPr>
        <sz val="10"/>
        <rFont val="ＭＳ Ｐゴシック"/>
        <family val="3"/>
        <charset val="128"/>
      </rPr>
      <t>中鎖塩素化パラフィン（</t>
    </r>
    <r>
      <rPr>
        <sz val="10"/>
        <rFont val="Arial"/>
        <family val="2"/>
      </rPr>
      <t>MCCP)[</t>
    </r>
    <r>
      <rPr>
        <sz val="10"/>
        <rFont val="ＭＳ Ｐゴシック"/>
        <family val="3"/>
        <charset val="128"/>
      </rPr>
      <t>群</t>
    </r>
    <r>
      <rPr>
        <sz val="10"/>
        <rFont val="Arial"/>
        <family val="2"/>
      </rPr>
      <t>]</t>
    </r>
    <r>
      <rPr>
        <sz val="10"/>
        <rFont val="ＭＳ Ｐゴシック"/>
        <family val="3"/>
        <charset val="128"/>
      </rPr>
      <t>（炭素数</t>
    </r>
    <r>
      <rPr>
        <sz val="10"/>
        <rFont val="Arial"/>
        <family val="2"/>
      </rPr>
      <t>14</t>
    </r>
    <r>
      <rPr>
        <sz val="10"/>
        <rFont val="ＭＳ Ｐゴシック"/>
        <family val="3"/>
        <charset val="128"/>
      </rPr>
      <t>～</t>
    </r>
    <r>
      <rPr>
        <sz val="10"/>
        <rFont val="Arial"/>
        <family val="2"/>
      </rPr>
      <t>17</t>
    </r>
    <r>
      <rPr>
        <sz val="10"/>
        <rFont val="ＭＳ Ｐゴシック"/>
        <family val="3"/>
        <charset val="128"/>
      </rPr>
      <t>）</t>
    </r>
    <phoneticPr fontId="7"/>
  </si>
  <si>
    <r>
      <t>1,3</t>
    </r>
    <r>
      <rPr>
        <sz val="10"/>
        <rFont val="ＭＳ Ｐゴシック"/>
        <family val="3"/>
        <charset val="128"/>
      </rPr>
      <t>－ジクロロプロペン</t>
    </r>
    <phoneticPr fontId="7"/>
  </si>
  <si>
    <r>
      <t>p-</t>
    </r>
    <r>
      <rPr>
        <sz val="10"/>
        <rFont val="ＭＳ Ｐゴシック"/>
        <family val="3"/>
        <charset val="128"/>
      </rPr>
      <t>ジメチルアミノアゾベンゼン</t>
    </r>
    <phoneticPr fontId="7"/>
  </si>
  <si>
    <r>
      <t>N,N'-</t>
    </r>
    <r>
      <rPr>
        <sz val="10"/>
        <rFont val="ＭＳ Ｐゴシック"/>
        <family val="3"/>
        <charset val="128"/>
      </rPr>
      <t>エチレンビス（ジチオカルバミン酸）マンガン（マンネブ）</t>
    </r>
    <phoneticPr fontId="7"/>
  </si>
  <si>
    <r>
      <t>1-</t>
    </r>
    <r>
      <rPr>
        <sz val="10"/>
        <rFont val="ＭＳ Ｐゴシック"/>
        <family val="3"/>
        <charset val="128"/>
      </rPr>
      <t>ナフチルアミン</t>
    </r>
    <phoneticPr fontId="7"/>
  </si>
  <si>
    <r>
      <t>REACH</t>
    </r>
    <r>
      <rPr>
        <sz val="10"/>
        <rFont val="ＭＳ Ｐゴシック"/>
        <family val="3"/>
        <charset val="128"/>
      </rPr>
      <t>規則</t>
    </r>
    <r>
      <rPr>
        <sz val="10"/>
        <rFont val="Arial"/>
        <family val="2"/>
      </rPr>
      <t xml:space="preserve"> </t>
    </r>
    <r>
      <rPr>
        <sz val="10"/>
        <rFont val="ＭＳ Ｐゴシック"/>
        <family val="3"/>
        <charset val="128"/>
      </rPr>
      <t>制限物質</t>
    </r>
    <rPh sb="8" eb="10">
      <t>セイゲン</t>
    </rPh>
    <rPh sb="10" eb="12">
      <t>ブッシツ</t>
    </rPh>
    <phoneticPr fontId="7"/>
  </si>
  <si>
    <r>
      <rPr>
        <sz val="10"/>
        <rFont val="ＭＳ Ｐゴシック"/>
        <family val="3"/>
        <charset val="128"/>
      </rPr>
      <t>アンチモン及びその化合物</t>
    </r>
    <rPh sb="5" eb="6">
      <t>オヨ</t>
    </rPh>
    <rPh sb="9" eb="12">
      <t>カゴウブツ</t>
    </rPh>
    <phoneticPr fontId="7"/>
  </si>
  <si>
    <r>
      <rPr>
        <sz val="11"/>
        <rFont val="ＭＳ Ｐゴシック"/>
        <family val="3"/>
        <charset val="128"/>
      </rPr>
      <t>ポリ塩化ビニル</t>
    </r>
    <r>
      <rPr>
        <sz val="11"/>
        <rFont val="Arial"/>
        <family val="2"/>
      </rPr>
      <t>(PVC)</t>
    </r>
    <rPh sb="2" eb="4">
      <t>エンカ</t>
    </rPh>
    <phoneticPr fontId="7"/>
  </si>
  <si>
    <r>
      <rPr>
        <sz val="10"/>
        <rFont val="ＭＳ Ｐゴシック"/>
        <family val="3"/>
        <charset val="128"/>
      </rPr>
      <t>天然ゴム</t>
    </r>
    <rPh sb="0" eb="2">
      <t>テンネン</t>
    </rPh>
    <phoneticPr fontId="78"/>
  </si>
  <si>
    <r>
      <rPr>
        <sz val="10"/>
        <rFont val="ＭＳ Ｐゴシック"/>
        <family val="3"/>
        <charset val="128"/>
      </rPr>
      <t>テトラクロロ無水フタル酸</t>
    </r>
    <phoneticPr fontId="7"/>
  </si>
  <si>
    <r>
      <rPr>
        <sz val="11"/>
        <rFont val="ＭＳ Ｐゴシック"/>
        <family val="3"/>
        <charset val="128"/>
      </rPr>
      <t>ノニルフェノール化合物及びそのエトキシレート</t>
    </r>
    <rPh sb="8" eb="11">
      <t>カゴウブツ</t>
    </rPh>
    <rPh sb="11" eb="12">
      <t>オヨ</t>
    </rPh>
    <phoneticPr fontId="7"/>
  </si>
  <si>
    <r>
      <rPr>
        <sz val="11"/>
        <rFont val="ＭＳ Ｐゴシック"/>
        <family val="3"/>
        <charset val="128"/>
      </rPr>
      <t>ハロゲン物質（塩素、臭素）</t>
    </r>
    <rPh sb="4" eb="6">
      <t>ブッシツ</t>
    </rPh>
    <rPh sb="7" eb="9">
      <t>エンソ</t>
    </rPh>
    <rPh sb="10" eb="12">
      <t>シュウソ</t>
    </rPh>
    <phoneticPr fontId="7"/>
  </si>
  <si>
    <r>
      <rPr>
        <sz val="11"/>
        <rFont val="ＭＳ Ｐゴシック"/>
        <family val="3"/>
        <charset val="128"/>
      </rPr>
      <t>塩化水素</t>
    </r>
    <phoneticPr fontId="7"/>
  </si>
  <si>
    <r>
      <rPr>
        <sz val="10"/>
        <rFont val="ＭＳ Ｐゴシック"/>
        <family val="3"/>
        <charset val="128"/>
      </rPr>
      <t>アルキルフェノール（炭素数</t>
    </r>
    <r>
      <rPr>
        <sz val="10"/>
        <rFont val="Arial"/>
        <family val="2"/>
      </rPr>
      <t>5</t>
    </r>
    <r>
      <rPr>
        <sz val="10"/>
        <rFont val="ＭＳ Ｐゴシック"/>
        <family val="3"/>
        <charset val="128"/>
      </rPr>
      <t>～</t>
    </r>
    <r>
      <rPr>
        <sz val="10"/>
        <rFont val="Arial"/>
        <family val="2"/>
      </rPr>
      <t>9</t>
    </r>
    <r>
      <rPr>
        <sz val="10"/>
        <rFont val="ＭＳ Ｐゴシック"/>
        <family val="3"/>
        <charset val="128"/>
      </rPr>
      <t>）</t>
    </r>
    <r>
      <rPr>
        <sz val="10"/>
        <rFont val="Arial"/>
        <family val="2"/>
      </rPr>
      <t>(</t>
    </r>
    <r>
      <rPr>
        <sz val="10"/>
        <rFont val="ＭＳ Ｐゴシック"/>
        <family val="3"/>
        <charset val="128"/>
      </rPr>
      <t>ノニルフェノールは除く）</t>
    </r>
    <phoneticPr fontId="7"/>
  </si>
  <si>
    <r>
      <rPr>
        <sz val="10"/>
        <rFont val="ＭＳ Ｐゴシック"/>
        <family val="3"/>
        <charset val="128"/>
      </rPr>
      <t>ベンゾフェノン</t>
    </r>
    <phoneticPr fontId="7"/>
  </si>
  <si>
    <r>
      <rPr>
        <sz val="10"/>
        <rFont val="ＭＳ Ｐゴシック"/>
        <family val="3"/>
        <charset val="128"/>
      </rPr>
      <t>クロム及びクロム化合物（六価クロム化合物を除く</t>
    </r>
    <r>
      <rPr>
        <sz val="10"/>
        <rFont val="Arial"/>
        <family val="2"/>
      </rPr>
      <t>)</t>
    </r>
    <phoneticPr fontId="7"/>
  </si>
  <si>
    <r>
      <t>2,4-</t>
    </r>
    <r>
      <rPr>
        <sz val="10"/>
        <rFont val="ＭＳ Ｐゴシック"/>
        <family val="3"/>
        <charset val="128"/>
      </rPr>
      <t>ジクロロフェノール</t>
    </r>
    <phoneticPr fontId="7"/>
  </si>
  <si>
    <r>
      <rPr>
        <sz val="10"/>
        <rFont val="ＭＳ Ｐゴシック"/>
        <family val="3"/>
        <charset val="128"/>
      </rPr>
      <t>エチルベンゼン</t>
    </r>
    <phoneticPr fontId="7"/>
  </si>
  <si>
    <r>
      <rPr>
        <sz val="10"/>
        <rFont val="ＭＳ Ｐゴシック"/>
        <family val="3"/>
        <charset val="128"/>
      </rPr>
      <t>イソシアネート</t>
    </r>
    <phoneticPr fontId="7"/>
  </si>
  <si>
    <r>
      <rPr>
        <sz val="10"/>
        <rFont val="ＭＳ Ｐゴシック"/>
        <family val="3"/>
        <charset val="128"/>
      </rPr>
      <t>オクタクロロスチレン</t>
    </r>
    <phoneticPr fontId="7"/>
  </si>
  <si>
    <r>
      <rPr>
        <sz val="10"/>
        <rFont val="ＭＳ Ｐゴシック"/>
        <family val="3"/>
        <charset val="128"/>
      </rPr>
      <t>リン系難燃剤（赤リンは除く）</t>
    </r>
    <phoneticPr fontId="7"/>
  </si>
  <si>
    <r>
      <t>REACH</t>
    </r>
    <r>
      <rPr>
        <sz val="10"/>
        <rFont val="ＭＳ Ｐゴシック"/>
        <family val="3"/>
        <charset val="128"/>
      </rPr>
      <t>規則高懸念物質（</t>
    </r>
    <r>
      <rPr>
        <sz val="10"/>
        <rFont val="Arial"/>
        <family val="2"/>
      </rPr>
      <t>SVHC</t>
    </r>
    <r>
      <rPr>
        <sz val="10"/>
        <rFont val="ＭＳ Ｐゴシック"/>
        <family val="3"/>
        <charset val="128"/>
      </rPr>
      <t>）</t>
    </r>
    <rPh sb="5" eb="7">
      <t>キソク</t>
    </rPh>
    <rPh sb="7" eb="8">
      <t>コウ</t>
    </rPh>
    <rPh sb="8" eb="10">
      <t>ケネン</t>
    </rPh>
    <rPh sb="10" eb="12">
      <t>ブッシツ</t>
    </rPh>
    <phoneticPr fontId="7"/>
  </si>
  <si>
    <r>
      <t>EU REACH</t>
    </r>
    <r>
      <rPr>
        <sz val="10"/>
        <rFont val="ＭＳ Ｐゴシック"/>
        <family val="3"/>
        <charset val="128"/>
      </rPr>
      <t>規則</t>
    </r>
  </si>
  <si>
    <r>
      <rPr>
        <sz val="10"/>
        <rFont val="ＭＳ Ｐゴシック"/>
        <family val="3"/>
        <charset val="128"/>
      </rPr>
      <t>責任ある鉱物調達調査</t>
    </r>
    <rPh sb="0" eb="2">
      <t>セキニン</t>
    </rPh>
    <rPh sb="4" eb="6">
      <t>コウブツ</t>
    </rPh>
    <rPh sb="6" eb="8">
      <t>チョウタツ</t>
    </rPh>
    <rPh sb="8" eb="10">
      <t>チョウサ</t>
    </rPh>
    <phoneticPr fontId="7"/>
  </si>
  <si>
    <r>
      <rPr>
        <sz val="10"/>
        <rFont val="ＭＳ Ｐゴシック"/>
        <family val="3"/>
        <charset val="128"/>
      </rPr>
      <t>米国金融規制改革法
（ドッド＝フランク・ウォール街改革・消費者保護法）</t>
    </r>
    <phoneticPr fontId="7"/>
  </si>
  <si>
    <r>
      <rPr>
        <sz val="10"/>
        <rFont val="ＭＳ Ｐゴシック"/>
        <family val="3"/>
        <charset val="128"/>
      </rPr>
      <t>＜</t>
    </r>
    <r>
      <rPr>
        <sz val="10"/>
        <rFont val="Arial"/>
        <family val="3"/>
      </rPr>
      <t>SDP</t>
    </r>
    <r>
      <rPr>
        <sz val="10"/>
        <rFont val="ＭＳ Ｐゴシック"/>
        <family val="3"/>
        <charset val="128"/>
      </rPr>
      <t>独自規制＞</t>
    </r>
    <phoneticPr fontId="7"/>
  </si>
  <si>
    <r>
      <rPr>
        <sz val="10"/>
        <rFont val="MS UI Gothic"/>
        <family val="2"/>
        <charset val="1"/>
      </rPr>
      <t>※</t>
    </r>
    <r>
      <rPr>
        <sz val="10"/>
        <rFont val="Arial"/>
        <family val="2"/>
      </rPr>
      <t xml:space="preserve"> “</t>
    </r>
    <r>
      <rPr>
        <sz val="10"/>
        <rFont val="ＭＳ Ｐゴシック"/>
        <family val="2"/>
        <charset val="128"/>
      </rPr>
      <t>（</t>
    </r>
    <r>
      <rPr>
        <sz val="10"/>
        <rFont val="Arial"/>
        <family val="2"/>
      </rPr>
      <t>EU REACH</t>
    </r>
    <r>
      <rPr>
        <sz val="10"/>
        <rFont val="ＭＳ Ｐゴシック"/>
        <family val="2"/>
        <charset val="128"/>
      </rPr>
      <t>規則）”の記載は認可対象</t>
    </r>
    <r>
      <rPr>
        <sz val="10"/>
        <rFont val="Arial"/>
        <family val="2"/>
      </rPr>
      <t>SVHC</t>
    </r>
    <r>
      <rPr>
        <sz val="10"/>
        <rFont val="ＭＳ Ｐゴシック"/>
        <family val="2"/>
        <charset val="128"/>
      </rPr>
      <t>としてリストされているという意味</t>
    </r>
    <phoneticPr fontId="7"/>
  </si>
  <si>
    <r>
      <t xml:space="preserve">   </t>
    </r>
    <r>
      <rPr>
        <sz val="11"/>
        <rFont val="Arial"/>
        <family val="3"/>
      </rPr>
      <t>SDP</t>
    </r>
    <r>
      <rPr>
        <sz val="11"/>
        <rFont val="ＭＳ Ｐゴシック"/>
        <family val="3"/>
        <charset val="128"/>
      </rPr>
      <t>使用禁止物質</t>
    </r>
    <r>
      <rPr>
        <sz val="11"/>
        <rFont val="Arial"/>
        <family val="2"/>
      </rPr>
      <t xml:space="preserve"> </t>
    </r>
    <r>
      <rPr>
        <sz val="11"/>
        <rFont val="ＭＳ Ｐゴシック"/>
        <family val="3"/>
        <charset val="128"/>
      </rPr>
      <t>の</t>
    </r>
    <r>
      <rPr>
        <b/>
        <u/>
        <sz val="11"/>
        <rFont val="ＭＳ Ｐゴシック"/>
        <family val="3"/>
        <charset val="128"/>
      </rPr>
      <t>候補</t>
    </r>
    <r>
      <rPr>
        <sz val="11"/>
        <rFont val="ＭＳ Ｐゴシック"/>
        <family val="3"/>
        <charset val="128"/>
      </rPr>
      <t>となる物質であり、代替化を推進してください／</t>
    </r>
    <phoneticPr fontId="7"/>
  </si>
  <si>
    <r>
      <t xml:space="preserve">     SDP's "</t>
    </r>
    <r>
      <rPr>
        <b/>
        <u/>
        <sz val="9"/>
        <rFont val="Arial"/>
        <family val="2"/>
      </rPr>
      <t>Candidate</t>
    </r>
    <r>
      <rPr>
        <sz val="9"/>
        <rFont val="Arial"/>
        <family val="2"/>
      </rPr>
      <t xml:space="preserve"> substances to be banned", so please promote substitution.</t>
    </r>
    <phoneticPr fontId="7"/>
  </si>
  <si>
    <t>Perfluoroalkyl and Polyfluoroalkyl Substances (PFAS)</t>
    <phoneticPr fontId="7"/>
  </si>
  <si>
    <r>
      <t xml:space="preserve"> </t>
    </r>
    <r>
      <rPr>
        <sz val="11"/>
        <rFont val="ＭＳ Ｐゴシック"/>
        <family val="3"/>
        <charset val="128"/>
      </rPr>
      <t>ペルフルオロアルキル物質およびポリフルオロアルキル物質</t>
    </r>
    <r>
      <rPr>
        <sz val="11"/>
        <rFont val="Arial"/>
        <family val="2"/>
      </rPr>
      <t xml:space="preserve"> </t>
    </r>
    <r>
      <rPr>
        <sz val="11"/>
        <rFont val="ＭＳ Ｐゴシック"/>
        <family val="3"/>
        <charset val="128"/>
      </rPr>
      <t>（</t>
    </r>
    <r>
      <rPr>
        <sz val="11"/>
        <rFont val="Arial"/>
        <family val="2"/>
      </rPr>
      <t>PFAS</t>
    </r>
    <r>
      <rPr>
        <sz val="11"/>
        <rFont val="ＭＳ Ｐゴシック"/>
        <family val="3"/>
        <charset val="128"/>
      </rPr>
      <t>）／</t>
    </r>
    <phoneticPr fontId="7"/>
  </si>
  <si>
    <r>
      <rPr>
        <sz val="11"/>
        <rFont val="ＭＳ Ｐゴシック"/>
        <family val="3"/>
        <charset val="128"/>
      </rPr>
      <t>ビスフェノール類</t>
    </r>
    <r>
      <rPr>
        <sz val="11"/>
        <rFont val="Arial"/>
        <family val="2"/>
      </rPr>
      <t xml:space="preserve"> 
</t>
    </r>
    <r>
      <rPr>
        <sz val="11"/>
        <rFont val="ＭＳ Ｐゴシック"/>
        <family val="3"/>
        <charset val="128"/>
      </rPr>
      <t>（ビスフェノール</t>
    </r>
    <r>
      <rPr>
        <sz val="11"/>
        <rFont val="Arial"/>
        <family val="2"/>
      </rPr>
      <t>A</t>
    </r>
    <r>
      <rPr>
        <sz val="11"/>
        <rFont val="ＭＳ Ｐゴシック"/>
        <family val="3"/>
        <charset val="128"/>
      </rPr>
      <t>、ビスフェノール</t>
    </r>
    <r>
      <rPr>
        <sz val="11"/>
        <rFont val="Arial"/>
        <family val="2"/>
      </rPr>
      <t>S</t>
    </r>
    <r>
      <rPr>
        <sz val="11"/>
        <rFont val="ＭＳ Ｐゴシック"/>
        <family val="3"/>
        <charset val="128"/>
      </rPr>
      <t>は除く）</t>
    </r>
    <r>
      <rPr>
        <sz val="11"/>
        <rFont val="Arial"/>
        <family val="2"/>
      </rPr>
      <t>*2</t>
    </r>
    <r>
      <rPr>
        <sz val="11"/>
        <rFont val="ＭＳ Ｐゴシック"/>
        <family val="3"/>
        <charset val="128"/>
      </rPr>
      <t>／</t>
    </r>
    <rPh sb="7" eb="8">
      <t>ルイ</t>
    </rPh>
    <rPh sb="30" eb="31">
      <t>ノゾ</t>
    </rPh>
    <phoneticPr fontId="7"/>
  </si>
  <si>
    <t>Bisphenols (excluding Bisphenol A and Bisphenol S)*2</t>
    <phoneticPr fontId="7"/>
  </si>
  <si>
    <r>
      <t xml:space="preserve">*2) </t>
    </r>
    <r>
      <rPr>
        <sz val="9"/>
        <rFont val="ＭＳ Ｐゴシック"/>
        <family val="3"/>
        <charset val="128"/>
      </rPr>
      <t>ビスフェノール</t>
    </r>
    <r>
      <rPr>
        <sz val="9"/>
        <rFont val="Arial"/>
        <family val="2"/>
      </rPr>
      <t>A</t>
    </r>
    <r>
      <rPr>
        <sz val="9"/>
        <rFont val="ＭＳ Ｐゴシック"/>
        <family val="3"/>
        <charset val="128"/>
      </rPr>
      <t>、ビスフェノール</t>
    </r>
    <r>
      <rPr>
        <sz val="9"/>
        <rFont val="Arial"/>
        <family val="2"/>
      </rPr>
      <t>S</t>
    </r>
    <r>
      <rPr>
        <sz val="9"/>
        <rFont val="ＭＳ Ｐゴシック"/>
        <family val="3"/>
        <charset val="128"/>
      </rPr>
      <t>は、</t>
    </r>
    <r>
      <rPr>
        <sz val="9"/>
        <rFont val="Arial"/>
        <family val="2"/>
      </rPr>
      <t>B2.</t>
    </r>
    <r>
      <rPr>
        <sz val="9"/>
        <rFont val="ＭＳ Ｐゴシック"/>
        <family val="3"/>
        <charset val="128"/>
      </rPr>
      <t>条件付使用禁止物質</t>
    </r>
    <r>
      <rPr>
        <sz val="9"/>
        <rFont val="Arial"/>
        <family val="2"/>
      </rPr>
      <t xml:space="preserve"> </t>
    </r>
    <r>
      <rPr>
        <sz val="9"/>
        <rFont val="ＭＳ Ｐゴシック"/>
        <family val="3"/>
        <charset val="128"/>
      </rPr>
      <t>として報告してください。／</t>
    </r>
    <phoneticPr fontId="7"/>
  </si>
  <si>
    <r>
      <rPr>
        <sz val="11"/>
        <rFont val="ＭＳ Ｐゴシック"/>
        <family val="3"/>
        <charset val="128"/>
      </rPr>
      <t>下表の</t>
    </r>
    <r>
      <rPr>
        <sz val="11"/>
        <rFont val="Arial"/>
        <family val="2"/>
      </rPr>
      <t>No.1</t>
    </r>
    <r>
      <rPr>
        <sz val="11"/>
        <rFont val="ＭＳ Ｐゴシック"/>
        <family val="3"/>
        <charset val="128"/>
      </rPr>
      <t>～</t>
    </r>
    <r>
      <rPr>
        <sz val="11"/>
        <rFont val="Arial"/>
        <family val="2"/>
      </rPr>
      <t>7</t>
    </r>
    <r>
      <rPr>
        <sz val="11"/>
        <rFont val="ＭＳ Ｐゴシック"/>
        <family val="3"/>
        <charset val="128"/>
      </rPr>
      <t>は、「</t>
    </r>
    <r>
      <rPr>
        <sz val="11"/>
        <rFont val="Arial"/>
        <family val="2"/>
      </rPr>
      <t>Applicable</t>
    </r>
    <r>
      <rPr>
        <sz val="11"/>
        <rFont val="ＭＳ Ｐゴシック"/>
        <family val="3"/>
        <charset val="128"/>
      </rPr>
      <t>」、「</t>
    </r>
    <r>
      <rPr>
        <sz val="11"/>
        <rFont val="Arial"/>
        <family val="2"/>
      </rPr>
      <t>Not Applicable</t>
    </r>
    <r>
      <rPr>
        <sz val="11"/>
        <rFont val="ＭＳ Ｐゴシック"/>
        <family val="3"/>
        <charset val="128"/>
      </rPr>
      <t>」から選択してください／</t>
    </r>
    <r>
      <rPr>
        <sz val="9"/>
        <rFont val="Arial"/>
        <family val="2"/>
      </rPr>
      <t>Select from "Applicable" or "Not Applicable" for No.1 to 7 in the table below.</t>
    </r>
    <phoneticPr fontId="7"/>
  </si>
  <si>
    <r>
      <t xml:space="preserve">&lt; </t>
    </r>
    <r>
      <rPr>
        <sz val="9"/>
        <rFont val="ＭＳ Ｐゴシック"/>
        <family val="3"/>
        <charset val="128"/>
      </rPr>
      <t>判定基準を満たす／</t>
    </r>
    <r>
      <rPr>
        <sz val="9"/>
        <rFont val="Arial"/>
        <family val="2"/>
      </rPr>
      <t>Meet criteria: "Applicable"</t>
    </r>
    <r>
      <rPr>
        <sz val="9"/>
        <rFont val="ＭＳ Ｐゴシック"/>
        <family val="3"/>
        <charset val="128"/>
      </rPr>
      <t>、満たさない／</t>
    </r>
    <r>
      <rPr>
        <sz val="9"/>
        <rFont val="Arial"/>
        <family val="2"/>
      </rPr>
      <t>Do not meet criteria: "Not Applicable" &gt;</t>
    </r>
    <phoneticPr fontId="7"/>
  </si>
  <si>
    <t xml:space="preserve"> D. Chemical Substances to be investigated (Part 2)</t>
    <phoneticPr fontId="7"/>
  </si>
  <si>
    <r>
      <rPr>
        <sz val="11"/>
        <rFont val="ＭＳ Ｐゴシック"/>
        <family val="3"/>
        <charset val="128"/>
      </rPr>
      <t>すべてのシートの提出をお願いします。但し、「</t>
    </r>
    <r>
      <rPr>
        <sz val="11"/>
        <rFont val="Arial"/>
        <family val="2"/>
      </rPr>
      <t>A2-</t>
    </r>
    <r>
      <rPr>
        <sz val="11"/>
        <rFont val="ＭＳ Ｐゴシック"/>
        <family val="3"/>
        <charset val="128"/>
      </rPr>
      <t>別表」、「</t>
    </r>
    <r>
      <rPr>
        <sz val="11"/>
        <rFont val="Arial"/>
        <family val="2"/>
      </rPr>
      <t>B2-</t>
    </r>
    <r>
      <rPr>
        <sz val="11"/>
        <rFont val="ＭＳ Ｐゴシック"/>
        <family val="3"/>
        <charset val="128"/>
      </rPr>
      <t>別表」、「</t>
    </r>
    <r>
      <rPr>
        <sz val="11"/>
        <rFont val="Arial"/>
        <family val="2"/>
      </rPr>
      <t>D-</t>
    </r>
    <r>
      <rPr>
        <sz val="11"/>
        <rFont val="ＭＳ Ｐゴシック"/>
        <family val="3"/>
        <charset val="128"/>
      </rPr>
      <t>別表」につきましては、</t>
    </r>
    <rPh sb="18" eb="19">
      <t>タダ</t>
    </rPh>
    <rPh sb="25" eb="27">
      <t>ベッピョウ</t>
    </rPh>
    <phoneticPr fontId="7"/>
  </si>
  <si>
    <t>含有化学物質報告書への入力（記入）に際しての注意点</t>
    <rPh sb="11" eb="13">
      <t>ニュウリョク</t>
    </rPh>
    <rPh sb="14" eb="16">
      <t>キニュウ</t>
    </rPh>
    <rPh sb="18" eb="19">
      <t>サイ</t>
    </rPh>
    <rPh sb="22" eb="25">
      <t>チュウイテン</t>
    </rPh>
    <phoneticPr fontId="7"/>
  </si>
  <si>
    <t>Notes for inputting "Report on Chemical Substances Contained in the Product "</t>
    <phoneticPr fontId="7"/>
  </si>
  <si>
    <r>
      <t xml:space="preserve"> D-</t>
    </r>
    <r>
      <rPr>
        <sz val="9"/>
        <rFont val="ＭＳ Ｐゴシック"/>
        <family val="3"/>
        <charset val="128"/>
      </rPr>
      <t>別表</t>
    </r>
    <rPh sb="3" eb="5">
      <t>ベッピョウ</t>
    </rPh>
    <phoneticPr fontId="7"/>
  </si>
  <si>
    <t xml:space="preserve"> D-Appendix</t>
    <phoneticPr fontId="7"/>
  </si>
  <si>
    <t xml:space="preserve"> C. Candidate substances to be banned</t>
    <phoneticPr fontId="7"/>
  </si>
  <si>
    <r>
      <t xml:space="preserve"> D. </t>
    </r>
    <r>
      <rPr>
        <sz val="9"/>
        <rFont val="ＭＳ Ｐゴシック"/>
        <family val="2"/>
        <charset val="128"/>
      </rPr>
      <t>調査対象化学物質（</t>
    </r>
    <r>
      <rPr>
        <sz val="9"/>
        <rFont val="Arial"/>
        <family val="2"/>
      </rPr>
      <t>Part 2</t>
    </r>
    <r>
      <rPr>
        <sz val="9"/>
        <rFont val="ＭＳ Ｐゴシック"/>
        <family val="2"/>
        <charset val="128"/>
      </rPr>
      <t>）</t>
    </r>
    <rPh sb="4" eb="6">
      <t>チョウサ</t>
    </rPh>
    <rPh sb="6" eb="8">
      <t>タイショウ</t>
    </rPh>
    <rPh sb="8" eb="12">
      <t>カガクブッシツ</t>
    </rPh>
    <phoneticPr fontId="7"/>
  </si>
  <si>
    <t>- 1/2 -</t>
    <phoneticPr fontId="7"/>
  </si>
  <si>
    <t>- 2/2 -</t>
    <phoneticPr fontId="7"/>
  </si>
  <si>
    <t>Part 2 (appendix)
1/1</t>
    <phoneticPr fontId="7"/>
  </si>
  <si>
    <t xml:space="preserve">Please submit all of the sheets. Regarding "A2-Appendix", "B2-Appendix"and "D-Appendix" </t>
    <phoneticPr fontId="7"/>
  </si>
  <si>
    <r>
      <t xml:space="preserve">      </t>
    </r>
    <r>
      <rPr>
        <sz val="11"/>
        <rFont val="ＭＳ Ｐゴシック"/>
        <family val="3"/>
        <charset val="128"/>
      </rPr>
      <t>法規制等の動向を踏まえて今後</t>
    </r>
    <r>
      <rPr>
        <sz val="11"/>
        <rFont val="Arial"/>
        <family val="3"/>
      </rPr>
      <t>SDP</t>
    </r>
    <r>
      <rPr>
        <sz val="11"/>
        <rFont val="ＭＳ Ｐゴシック"/>
        <family val="3"/>
        <charset val="128"/>
      </rPr>
      <t>の使用禁止候補物質にします。／</t>
    </r>
    <rPh sb="28" eb="30">
      <t>コウホ</t>
    </rPh>
    <phoneticPr fontId="7"/>
  </si>
  <si>
    <t xml:space="preserve">         it cannot be specified as SDP's "Banned substances" at this time,</t>
    <phoneticPr fontId="7"/>
  </si>
  <si>
    <r>
      <rPr>
        <sz val="11"/>
        <rFont val="ＭＳ Ｐゴシック"/>
        <family val="3"/>
        <charset val="128"/>
      </rPr>
      <t>テトラクロロ無水フタル酸</t>
    </r>
    <r>
      <rPr>
        <sz val="11"/>
        <rFont val="ＭＳ Ｐゴシック"/>
        <family val="2"/>
        <charset val="128"/>
      </rPr>
      <t>／</t>
    </r>
    <r>
      <rPr>
        <sz val="11"/>
        <rFont val="Arial"/>
        <family val="2"/>
      </rPr>
      <t>Tetrachlorophthalic anhydride</t>
    </r>
    <phoneticPr fontId="7"/>
  </si>
  <si>
    <r>
      <rPr>
        <sz val="11"/>
        <rFont val="ＭＳ Ｐゴシック"/>
        <family val="3"/>
        <charset val="128"/>
      </rPr>
      <t>ノニルフェノール化合物及びそのエトキシレート</t>
    </r>
    <r>
      <rPr>
        <sz val="11"/>
        <rFont val="ＭＳ Ｐゴシック"/>
        <family val="2"/>
        <charset val="128"/>
      </rPr>
      <t>／</t>
    </r>
    <r>
      <rPr>
        <sz val="11"/>
        <rFont val="Arial"/>
        <family val="2"/>
      </rPr>
      <t>Nonylphenol compounds and its ethoxylate</t>
    </r>
    <phoneticPr fontId="7"/>
  </si>
  <si>
    <r>
      <rPr>
        <sz val="11"/>
        <rFont val="ＭＳ Ｐゴシック"/>
        <family val="3"/>
        <charset val="128"/>
      </rPr>
      <t>ハロゲン物質／</t>
    </r>
    <r>
      <rPr>
        <sz val="11"/>
        <rFont val="Arial"/>
        <family val="2"/>
      </rPr>
      <t>Halogen substances *11)</t>
    </r>
    <phoneticPr fontId="7"/>
  </si>
  <si>
    <r>
      <rPr>
        <sz val="11"/>
        <rFont val="ＭＳ Ｐゴシック"/>
        <family val="3"/>
        <charset val="128"/>
      </rPr>
      <t>塩化水素／</t>
    </r>
    <r>
      <rPr>
        <sz val="11"/>
        <rFont val="Arial"/>
        <family val="2"/>
      </rPr>
      <t>Hydrogen chloride</t>
    </r>
    <phoneticPr fontId="7"/>
  </si>
  <si>
    <r>
      <t>REACH</t>
    </r>
    <r>
      <rPr>
        <sz val="11"/>
        <rFont val="ＭＳ Ｐゴシック"/>
        <family val="3"/>
        <charset val="128"/>
      </rPr>
      <t>規則高懸念物質</t>
    </r>
    <r>
      <rPr>
        <sz val="11"/>
        <rFont val="Arial"/>
        <family val="2"/>
      </rPr>
      <t>(SVHC)</t>
    </r>
    <r>
      <rPr>
        <sz val="11"/>
        <rFont val="ＭＳ Ｐゴシック"/>
        <family val="2"/>
        <charset val="128"/>
      </rPr>
      <t>／</t>
    </r>
    <r>
      <rPr>
        <sz val="11"/>
        <rFont val="Arial"/>
        <family val="2"/>
      </rPr>
      <t>REACH Regulation [substances of very high concern (SVHC)]*10)</t>
    </r>
    <phoneticPr fontId="7"/>
  </si>
  <si>
    <r>
      <rPr>
        <sz val="11"/>
        <rFont val="ＭＳ Ｐゴシック"/>
        <family val="3"/>
        <charset val="128"/>
      </rPr>
      <t>意図的に添加していない／</t>
    </r>
    <r>
      <rPr>
        <sz val="11"/>
        <rFont val="Arial"/>
        <family val="2"/>
      </rPr>
      <t>Not intentionally added.</t>
    </r>
    <rPh sb="0" eb="3">
      <t>イトテキ</t>
    </rPh>
    <rPh sb="4" eb="6">
      <t>テンカ</t>
    </rPh>
    <phoneticPr fontId="7"/>
  </si>
  <si>
    <r>
      <t>*1</t>
    </r>
    <r>
      <rPr>
        <sz val="10"/>
        <rFont val="ＭＳ Ｐゴシック"/>
        <family val="3"/>
        <charset val="128"/>
      </rPr>
      <t>）</t>
    </r>
    <r>
      <rPr>
        <sz val="10"/>
        <rFont val="Arial"/>
        <family val="2"/>
      </rPr>
      <t xml:space="preserve"> </t>
    </r>
    <r>
      <rPr>
        <sz val="10"/>
        <rFont val="ＭＳ Ｐゴシック"/>
        <family val="3"/>
        <charset val="128"/>
      </rPr>
      <t>含有率の算出単位は均質材料です。／</t>
    </r>
    <r>
      <rPr>
        <sz val="10"/>
        <rFont val="Arial"/>
        <family val="2"/>
      </rPr>
      <t>Unit for calculating content rate is homogeneous material.</t>
    </r>
    <phoneticPr fontId="7"/>
  </si>
  <si>
    <r>
      <t>*2</t>
    </r>
    <r>
      <rPr>
        <sz val="10"/>
        <rFont val="ＭＳ Ｐゴシック"/>
        <family val="3"/>
        <charset val="128"/>
      </rPr>
      <t>）</t>
    </r>
    <r>
      <rPr>
        <sz val="10"/>
        <rFont val="Arial"/>
        <family val="2"/>
      </rPr>
      <t xml:space="preserve"> </t>
    </r>
    <r>
      <rPr>
        <sz val="10"/>
        <rFont val="ＭＳ Ｐゴシック"/>
        <family val="3"/>
        <charset val="128"/>
      </rPr>
      <t>日本　化学物質の審査及び製造等の規制に関する法律（化審法）　第</t>
    </r>
    <r>
      <rPr>
        <sz val="10"/>
        <rFont val="Arial"/>
        <family val="2"/>
      </rPr>
      <t>1</t>
    </r>
    <r>
      <rPr>
        <sz val="10"/>
        <rFont val="ＭＳ Ｐゴシック"/>
        <family val="3"/>
        <charset val="128"/>
      </rPr>
      <t>種特定化学物質／</t>
    </r>
    <r>
      <rPr>
        <sz val="10"/>
        <rFont val="Arial"/>
        <family val="2"/>
      </rPr>
      <t xml:space="preserve">Japan Chemical Substances Control Law : Class </t>
    </r>
    <r>
      <rPr>
        <sz val="10"/>
        <rFont val="ＭＳ Ｐゴシック"/>
        <family val="3"/>
        <charset val="128"/>
      </rPr>
      <t>Ⅰ</t>
    </r>
    <r>
      <rPr>
        <sz val="10"/>
        <rFont val="Arial"/>
        <family val="2"/>
      </rPr>
      <t xml:space="preserve"> specified Chemical Substances</t>
    </r>
    <rPh sb="4" eb="6">
      <t>ニッポン</t>
    </rPh>
    <rPh sb="29" eb="32">
      <t>カシンホウ</t>
    </rPh>
    <rPh sb="34" eb="35">
      <t>ダイ</t>
    </rPh>
    <rPh sb="36" eb="37">
      <t>シュ</t>
    </rPh>
    <rPh sb="37" eb="39">
      <t>トクテイ</t>
    </rPh>
    <rPh sb="39" eb="41">
      <t>カガク</t>
    </rPh>
    <rPh sb="41" eb="43">
      <t>ブッシツ</t>
    </rPh>
    <phoneticPr fontId="7"/>
  </si>
  <si>
    <r>
      <t>*3</t>
    </r>
    <r>
      <rPr>
        <sz val="10"/>
        <rFont val="ＭＳ Ｐゴシック"/>
        <family val="3"/>
        <charset val="128"/>
      </rPr>
      <t>）</t>
    </r>
    <r>
      <rPr>
        <sz val="10"/>
        <rFont val="Arial"/>
        <family val="2"/>
      </rPr>
      <t xml:space="preserve"> </t>
    </r>
    <r>
      <rPr>
        <sz val="10"/>
        <rFont val="ＭＳ Ｐゴシック"/>
        <family val="3"/>
        <charset val="128"/>
      </rPr>
      <t>日本　化学物質の審査及び製造等の規制に関する法律（化審法）　第</t>
    </r>
    <r>
      <rPr>
        <sz val="10"/>
        <rFont val="Arial"/>
        <family val="2"/>
      </rPr>
      <t>2</t>
    </r>
    <r>
      <rPr>
        <sz val="10"/>
        <rFont val="ＭＳ Ｐゴシック"/>
        <family val="3"/>
        <charset val="128"/>
      </rPr>
      <t>種特定化学物質／</t>
    </r>
    <r>
      <rPr>
        <sz val="10"/>
        <rFont val="Arial"/>
        <family val="2"/>
      </rPr>
      <t xml:space="preserve">Japan Chemical Substances Control Law : Class </t>
    </r>
    <r>
      <rPr>
        <sz val="10"/>
        <rFont val="ＭＳ Ｐゴシック"/>
        <family val="3"/>
        <charset val="128"/>
      </rPr>
      <t>Ⅱ</t>
    </r>
    <r>
      <rPr>
        <sz val="10"/>
        <rFont val="Arial"/>
        <family val="2"/>
      </rPr>
      <t xml:space="preserve"> specified Chemical Substances</t>
    </r>
    <rPh sb="4" eb="6">
      <t>ニッポン</t>
    </rPh>
    <rPh sb="29" eb="32">
      <t>カシンホウ</t>
    </rPh>
    <rPh sb="34" eb="35">
      <t>ダイ</t>
    </rPh>
    <rPh sb="36" eb="37">
      <t>シュ</t>
    </rPh>
    <rPh sb="37" eb="39">
      <t>トクテイ</t>
    </rPh>
    <rPh sb="39" eb="41">
      <t>カガク</t>
    </rPh>
    <rPh sb="41" eb="43">
      <t>ブッシツ</t>
    </rPh>
    <phoneticPr fontId="7"/>
  </si>
  <si>
    <r>
      <t>*4</t>
    </r>
    <r>
      <rPr>
        <sz val="10"/>
        <rFont val="ＭＳ Ｐゴシック"/>
        <family val="3"/>
        <charset val="128"/>
      </rPr>
      <t>）</t>
    </r>
    <r>
      <rPr>
        <sz val="10"/>
        <rFont val="Arial"/>
        <family val="2"/>
      </rPr>
      <t xml:space="preserve"> </t>
    </r>
    <r>
      <rPr>
        <sz val="10"/>
        <rFont val="ＭＳ Ｐゴシック"/>
        <family val="3"/>
        <charset val="128"/>
      </rPr>
      <t>日本　化学物質の審査及び製造等の規制に関する法律（化審法）　監視物質／</t>
    </r>
    <r>
      <rPr>
        <sz val="10"/>
        <rFont val="Arial"/>
        <family val="2"/>
      </rPr>
      <t>Japan Chemical Substances Control Law : Monitoring Substances</t>
    </r>
    <rPh sb="4" eb="6">
      <t>ニッポン</t>
    </rPh>
    <rPh sb="29" eb="32">
      <t>カシンホウ</t>
    </rPh>
    <rPh sb="34" eb="36">
      <t>カンシ</t>
    </rPh>
    <rPh sb="36" eb="38">
      <t>ブッシツ</t>
    </rPh>
    <phoneticPr fontId="7"/>
  </si>
  <si>
    <r>
      <t>*5</t>
    </r>
    <r>
      <rPr>
        <sz val="10"/>
        <rFont val="ＭＳ Ｐゴシック"/>
        <family val="3"/>
        <charset val="128"/>
      </rPr>
      <t>）</t>
    </r>
    <r>
      <rPr>
        <sz val="10"/>
        <rFont val="Arial"/>
        <family val="2"/>
      </rPr>
      <t xml:space="preserve"> </t>
    </r>
    <r>
      <rPr>
        <sz val="10"/>
        <rFont val="ＭＳ Ｐゴシック"/>
        <family val="3"/>
        <charset val="128"/>
      </rPr>
      <t>米国</t>
    </r>
    <r>
      <rPr>
        <sz val="10"/>
        <rFont val="Arial"/>
        <family val="2"/>
      </rPr>
      <t xml:space="preserve"> </t>
    </r>
    <r>
      <rPr>
        <sz val="10"/>
        <rFont val="ＭＳ Ｐゴシック"/>
        <family val="3"/>
        <charset val="128"/>
      </rPr>
      <t>有害物質規制法（</t>
    </r>
    <r>
      <rPr>
        <sz val="10"/>
        <rFont val="Arial"/>
        <family val="2"/>
      </rPr>
      <t>Toxic Substances Control Act</t>
    </r>
    <r>
      <rPr>
        <sz val="10"/>
        <rFont val="ＭＳ Ｐゴシック"/>
        <family val="3"/>
        <charset val="128"/>
      </rPr>
      <t>：</t>
    </r>
    <r>
      <rPr>
        <sz val="10"/>
        <rFont val="Arial"/>
        <family val="2"/>
      </rPr>
      <t>TSCA</t>
    </r>
    <r>
      <rPr>
        <sz val="10"/>
        <rFont val="ＭＳ Ｐゴシック"/>
        <family val="3"/>
        <charset val="128"/>
      </rPr>
      <t>）使用禁止または制限の対象物質（第</t>
    </r>
    <r>
      <rPr>
        <sz val="10"/>
        <rFont val="Arial"/>
        <family val="2"/>
      </rPr>
      <t>6</t>
    </r>
    <r>
      <rPr>
        <sz val="10"/>
        <rFont val="ＭＳ Ｐゴシック"/>
        <family val="3"/>
        <charset val="128"/>
      </rPr>
      <t>条）／</t>
    </r>
    <r>
      <rPr>
        <sz val="10"/>
        <rFont val="Arial"/>
        <family val="2"/>
      </rPr>
      <t>Toxic Substances Control Act</t>
    </r>
    <r>
      <rPr>
        <sz val="10"/>
        <rFont val="ＭＳ Ｐゴシック"/>
        <family val="3"/>
        <charset val="128"/>
      </rPr>
      <t>：</t>
    </r>
    <r>
      <rPr>
        <sz val="10"/>
        <rFont val="Arial"/>
        <family val="2"/>
      </rPr>
      <t>TSCA(US) Banned or restricted substances (Section 6)</t>
    </r>
    <phoneticPr fontId="7"/>
  </si>
  <si>
    <r>
      <t>*6</t>
    </r>
    <r>
      <rPr>
        <sz val="10"/>
        <rFont val="ＭＳ Ｐゴシック"/>
        <family val="3"/>
        <charset val="128"/>
      </rPr>
      <t>）</t>
    </r>
    <r>
      <rPr>
        <sz val="10"/>
        <rFont val="Arial"/>
        <family val="2"/>
      </rPr>
      <t xml:space="preserve"> EU POPs</t>
    </r>
    <r>
      <rPr>
        <sz val="10"/>
        <rFont val="ＭＳ Ｐゴシック"/>
        <family val="3"/>
        <charset val="128"/>
      </rPr>
      <t>規則</t>
    </r>
    <r>
      <rPr>
        <sz val="10"/>
        <rFont val="Arial"/>
        <family val="2"/>
      </rPr>
      <t>(EU)2019/1021</t>
    </r>
    <r>
      <rPr>
        <sz val="10"/>
        <rFont val="ＭＳ Ｐゴシック"/>
        <family val="3"/>
        <charset val="128"/>
      </rPr>
      <t>　</t>
    </r>
    <r>
      <rPr>
        <sz val="10"/>
        <rFont val="Arial"/>
        <family val="2"/>
      </rPr>
      <t>ANNEX I</t>
    </r>
    <r>
      <rPr>
        <sz val="10"/>
        <rFont val="ＭＳ Ｐゴシック"/>
        <family val="2"/>
        <charset val="128"/>
      </rPr>
      <t>／</t>
    </r>
    <r>
      <rPr>
        <sz val="10"/>
        <rFont val="Arial"/>
        <family val="2"/>
      </rPr>
      <t>EU POPs Regulation (EU)2019/1021 ANNEX</t>
    </r>
    <r>
      <rPr>
        <sz val="10"/>
        <rFont val="ＭＳ Ｐゴシック"/>
        <family val="3"/>
        <charset val="128"/>
      </rPr>
      <t>Ⅰ</t>
    </r>
    <phoneticPr fontId="7"/>
  </si>
  <si>
    <r>
      <rPr>
        <sz val="10"/>
        <rFont val="ＭＳ Ｐゴシック"/>
        <family val="3"/>
        <charset val="128"/>
      </rPr>
      <t>※</t>
    </r>
    <r>
      <rPr>
        <sz val="10"/>
        <rFont val="Arial"/>
        <family val="2"/>
      </rPr>
      <t xml:space="preserve"> </t>
    </r>
    <r>
      <rPr>
        <sz val="10"/>
        <rFont val="Arial"/>
        <family val="3"/>
      </rPr>
      <t>SDP</t>
    </r>
    <r>
      <rPr>
        <sz val="10"/>
        <rFont val="ＭＳ Ｐゴシック"/>
        <family val="3"/>
        <charset val="128"/>
      </rPr>
      <t>独自調査対象化学物質／</t>
    </r>
    <r>
      <rPr>
        <sz val="10"/>
        <rFont val="Arial"/>
        <family val="2"/>
      </rPr>
      <t>SDP-Specific Survey-Targeted Chemical Substances</t>
    </r>
    <phoneticPr fontId="7"/>
  </si>
  <si>
    <r>
      <t>2-2</t>
    </r>
    <r>
      <rPr>
        <b/>
        <u/>
        <sz val="11"/>
        <rFont val="ＭＳ Ｐゴシック"/>
        <family val="3"/>
        <charset val="128"/>
      </rPr>
      <t>．条件により使用を禁止する化学物質のデバイスへの含有について／</t>
    </r>
    <r>
      <rPr>
        <b/>
        <u/>
        <sz val="11"/>
        <rFont val="Arial"/>
        <family val="2"/>
      </rPr>
      <t>Presence of banned substance depending on application</t>
    </r>
    <rPh sb="4" eb="6">
      <t>ジョウケン</t>
    </rPh>
    <rPh sb="9" eb="11">
      <t>シヨウ</t>
    </rPh>
    <rPh sb="12" eb="14">
      <t>キンシ</t>
    </rPh>
    <rPh sb="16" eb="18">
      <t>カガク</t>
    </rPh>
    <rPh sb="18" eb="20">
      <t>ブッシツ</t>
    </rPh>
    <rPh sb="27" eb="29">
      <t>ガンユウ</t>
    </rPh>
    <phoneticPr fontId="7"/>
  </si>
  <si>
    <r>
      <rPr>
        <sz val="11"/>
        <rFont val="ＭＳ Ｐゴシック"/>
        <family val="3"/>
        <charset val="128"/>
      </rPr>
      <t>確認結果が基準を満たさない場合は、</t>
    </r>
    <r>
      <rPr>
        <sz val="11"/>
        <rFont val="Arial"/>
        <family val="2"/>
      </rPr>
      <t>D2-</t>
    </r>
    <r>
      <rPr>
        <sz val="11"/>
        <rFont val="ＭＳ Ｐゴシック"/>
        <family val="3"/>
        <charset val="128"/>
      </rPr>
      <t>別表にて使用可否の判断を致します。／</t>
    </r>
    <r>
      <rPr>
        <sz val="11"/>
        <rFont val="Arial"/>
        <family val="2"/>
      </rPr>
      <t>If the check result does not meet the criteria, we will decide whether to use it on D2 - appendix.</t>
    </r>
    <rPh sb="0" eb="2">
      <t>カクニン</t>
    </rPh>
    <rPh sb="2" eb="4">
      <t>ケッカ</t>
    </rPh>
    <rPh sb="5" eb="7">
      <t>キジュン</t>
    </rPh>
    <rPh sb="8" eb="9">
      <t>ミ</t>
    </rPh>
    <rPh sb="13" eb="15">
      <t>バアイ</t>
    </rPh>
    <rPh sb="20" eb="21">
      <t>ベツ</t>
    </rPh>
    <rPh sb="21" eb="22">
      <t>ヒョウ</t>
    </rPh>
    <rPh sb="24" eb="26">
      <t>シヨウ</t>
    </rPh>
    <rPh sb="26" eb="27">
      <t>カ</t>
    </rPh>
    <rPh sb="27" eb="28">
      <t>ヒ</t>
    </rPh>
    <rPh sb="29" eb="31">
      <t>ハンダン</t>
    </rPh>
    <rPh sb="32" eb="33">
      <t>イタ</t>
    </rPh>
    <phoneticPr fontId="7"/>
  </si>
  <si>
    <r>
      <rPr>
        <sz val="11"/>
        <rFont val="ＭＳ Ｐゴシック"/>
        <family val="3"/>
        <charset val="128"/>
      </rPr>
      <t>含有率が</t>
    </r>
    <r>
      <rPr>
        <sz val="11"/>
        <rFont val="Arial"/>
        <family val="2"/>
      </rPr>
      <t>1000ppm</t>
    </r>
    <r>
      <rPr>
        <sz val="11"/>
        <rFont val="ＭＳ Ｐゴシック"/>
        <family val="3"/>
        <charset val="128"/>
      </rPr>
      <t>未満／</t>
    </r>
    <r>
      <rPr>
        <sz val="11"/>
        <rFont val="Arial"/>
        <family val="2"/>
      </rPr>
      <t>The content of Antimony and its compound is less than 1000ppm.</t>
    </r>
    <rPh sb="0" eb="2">
      <t>ガンユウ</t>
    </rPh>
    <rPh sb="2" eb="3">
      <t>リツ</t>
    </rPh>
    <rPh sb="11" eb="13">
      <t>ミマン</t>
    </rPh>
    <phoneticPr fontId="78"/>
  </si>
  <si>
    <r>
      <rPr>
        <sz val="11"/>
        <rFont val="ＭＳ Ｐゴシック"/>
        <family val="3"/>
        <charset val="128"/>
      </rPr>
      <t>意図的に添加していない／</t>
    </r>
    <r>
      <rPr>
        <sz val="11"/>
        <rFont val="Arial"/>
        <family val="2"/>
      </rPr>
      <t xml:space="preserve"> Not intentionally added.</t>
    </r>
    <rPh sb="0" eb="3">
      <t>イトテキ</t>
    </rPh>
    <rPh sb="4" eb="6">
      <t>テンカ</t>
    </rPh>
    <phoneticPr fontId="78"/>
  </si>
  <si>
    <r>
      <rPr>
        <sz val="11"/>
        <rFont val="ＭＳ Ｐゴシック"/>
        <family val="3"/>
        <charset val="128"/>
      </rPr>
      <t>意図的に添加していない／</t>
    </r>
    <r>
      <rPr>
        <sz val="11"/>
        <rFont val="Arial"/>
        <family val="2"/>
      </rPr>
      <t>Not intentionally added.</t>
    </r>
    <rPh sb="0" eb="3">
      <t>イトテキ</t>
    </rPh>
    <rPh sb="4" eb="6">
      <t>テンカ</t>
    </rPh>
    <phoneticPr fontId="78"/>
  </si>
  <si>
    <r>
      <rPr>
        <sz val="11"/>
        <rFont val="ＭＳ Ｐゴシック"/>
        <family val="3"/>
        <charset val="128"/>
      </rPr>
      <t>　意図的に添加していない／</t>
    </r>
    <r>
      <rPr>
        <sz val="11"/>
        <rFont val="Arial"/>
        <family val="2"/>
      </rPr>
      <t>Not intentionally added.</t>
    </r>
    <phoneticPr fontId="7"/>
  </si>
  <si>
    <r>
      <t>REACH</t>
    </r>
    <r>
      <rPr>
        <sz val="11"/>
        <rFont val="ＭＳ Ｐゴシック"/>
        <family val="3"/>
        <charset val="128"/>
      </rPr>
      <t>規則</t>
    </r>
    <r>
      <rPr>
        <sz val="11"/>
        <rFont val="Arial"/>
        <family val="2"/>
      </rPr>
      <t xml:space="preserve"> </t>
    </r>
    <r>
      <rPr>
        <sz val="11"/>
        <rFont val="ＭＳ Ｐゴシック"/>
        <family val="3"/>
        <charset val="128"/>
      </rPr>
      <t>制限物質</t>
    </r>
    <r>
      <rPr>
        <sz val="11"/>
        <rFont val="Arial"/>
        <family val="2"/>
      </rPr>
      <t xml:space="preserve"> *7) 
</t>
    </r>
    <r>
      <rPr>
        <sz val="9"/>
        <rFont val="Arial"/>
        <family val="2"/>
      </rPr>
      <t>REACH regulation Restricted substances .</t>
    </r>
    <rPh sb="8" eb="10">
      <t>セイゲン</t>
    </rPh>
    <rPh sb="10" eb="12">
      <t>ブッシツ</t>
    </rPh>
    <phoneticPr fontId="7"/>
  </si>
  <si>
    <r>
      <rPr>
        <sz val="11"/>
        <rFont val="ＭＳ Ｐゴシック"/>
        <family val="3"/>
        <charset val="128"/>
      </rPr>
      <t>化学物質名／</t>
    </r>
    <r>
      <rPr>
        <sz val="11"/>
        <rFont val="Arial"/>
        <family val="2"/>
      </rPr>
      <t>Substances</t>
    </r>
    <rPh sb="0" eb="2">
      <t>カガク</t>
    </rPh>
    <rPh sb="2" eb="4">
      <t>ブッシツ</t>
    </rPh>
    <rPh sb="4" eb="5">
      <t>メイ</t>
    </rPh>
    <phoneticPr fontId="78"/>
  </si>
  <si>
    <r>
      <rPr>
        <sz val="11"/>
        <rFont val="ＭＳ Ｐゴシック"/>
        <family val="3"/>
        <charset val="128"/>
      </rPr>
      <t xml:space="preserve">※天然ゴム
</t>
    </r>
    <r>
      <rPr>
        <sz val="9"/>
        <rFont val="Arial"/>
        <family val="2"/>
      </rPr>
      <t>Natural rubber</t>
    </r>
    <rPh sb="1" eb="3">
      <t>テンネン</t>
    </rPh>
    <phoneticPr fontId="78"/>
  </si>
  <si>
    <r>
      <rPr>
        <sz val="11"/>
        <rFont val="ＭＳ Ｐゴシック"/>
        <family val="3"/>
        <charset val="128"/>
      </rPr>
      <t>下記（１）、（２）、（３）のすべての条件を満足する。／</t>
    </r>
    <r>
      <rPr>
        <sz val="11"/>
        <rFont val="Arial"/>
        <family val="2"/>
      </rPr>
      <t>It satisfies all of the following conditions (1), (2) and (3).</t>
    </r>
    <rPh sb="0" eb="2">
      <t>カキ</t>
    </rPh>
    <rPh sb="18" eb="20">
      <t>ジョウケン</t>
    </rPh>
    <rPh sb="21" eb="23">
      <t>マンゾク</t>
    </rPh>
    <phoneticPr fontId="7"/>
  </si>
  <si>
    <r>
      <t>(1)</t>
    </r>
    <r>
      <rPr>
        <sz val="11"/>
        <rFont val="ＭＳ Ｐゴシック"/>
        <family val="3"/>
        <charset val="128"/>
      </rPr>
      <t>「塩素」が</t>
    </r>
    <r>
      <rPr>
        <sz val="11"/>
        <rFont val="Arial"/>
        <family val="2"/>
      </rPr>
      <t>900ppm(0.09%)</t>
    </r>
    <r>
      <rPr>
        <sz val="11"/>
        <rFont val="ＭＳ Ｐゴシック"/>
        <family val="3"/>
        <charset val="128"/>
      </rPr>
      <t xml:space="preserve">未満の含有である。
</t>
    </r>
    <r>
      <rPr>
        <sz val="11"/>
        <rFont val="ＭＳ Ｐゴシック"/>
        <family val="2"/>
        <charset val="128"/>
      </rPr>
      <t>／</t>
    </r>
    <r>
      <rPr>
        <sz val="11"/>
        <rFont val="Arial"/>
        <family val="2"/>
      </rPr>
      <t>The content of "Chlorine" is less than 900 ppm(0.09%)</t>
    </r>
    <rPh sb="4" eb="6">
      <t>エンソ</t>
    </rPh>
    <rPh sb="21" eb="23">
      <t>ミマン</t>
    </rPh>
    <phoneticPr fontId="78"/>
  </si>
  <si>
    <r>
      <t>(2)</t>
    </r>
    <r>
      <rPr>
        <sz val="11"/>
        <rFont val="ＭＳ Ｐゴシック"/>
        <family val="3"/>
        <charset val="128"/>
      </rPr>
      <t>「臭素」が</t>
    </r>
    <r>
      <rPr>
        <sz val="11"/>
        <rFont val="Arial"/>
        <family val="2"/>
      </rPr>
      <t>900ppm(0.09%)</t>
    </r>
    <r>
      <rPr>
        <sz val="11"/>
        <rFont val="ＭＳ Ｐゴシック"/>
        <family val="3"/>
        <charset val="128"/>
      </rPr>
      <t xml:space="preserve">未満の含有である。
</t>
    </r>
    <r>
      <rPr>
        <sz val="11"/>
        <rFont val="ＭＳ Ｐゴシック"/>
        <family val="2"/>
        <charset val="128"/>
      </rPr>
      <t>／</t>
    </r>
    <r>
      <rPr>
        <sz val="11"/>
        <rFont val="Arial"/>
        <family val="2"/>
      </rPr>
      <t>The content of "Bromine" is less than 900 ppm(0.09%)</t>
    </r>
    <rPh sb="4" eb="6">
      <t>シュウソ</t>
    </rPh>
    <rPh sb="21" eb="23">
      <t>ミマン</t>
    </rPh>
    <phoneticPr fontId="78"/>
  </si>
  <si>
    <r>
      <t>(3)</t>
    </r>
    <r>
      <rPr>
        <sz val="11"/>
        <rFont val="ＭＳ Ｐゴシック"/>
        <family val="3"/>
        <charset val="128"/>
      </rPr>
      <t>「塩素」と「臭素」の合計が</t>
    </r>
    <r>
      <rPr>
        <sz val="11"/>
        <rFont val="Arial"/>
        <family val="2"/>
      </rPr>
      <t>1500ppm(0.15%)</t>
    </r>
    <r>
      <rPr>
        <sz val="11"/>
        <rFont val="ＭＳ Ｐゴシック"/>
        <family val="3"/>
        <charset val="128"/>
      </rPr>
      <t xml:space="preserve">未満の含有である。
</t>
    </r>
    <r>
      <rPr>
        <sz val="11"/>
        <rFont val="ＭＳ Ｐゴシック"/>
        <family val="2"/>
        <charset val="128"/>
      </rPr>
      <t>／</t>
    </r>
    <r>
      <rPr>
        <sz val="11"/>
        <rFont val="Arial"/>
        <family val="2"/>
      </rPr>
      <t>The content of the total of  "Chlorine" and "Bromine" is less than 1500ppm(0.15%)</t>
    </r>
    <rPh sb="4" eb="6">
      <t>エンソ</t>
    </rPh>
    <rPh sb="9" eb="11">
      <t>シュウソ</t>
    </rPh>
    <rPh sb="13" eb="15">
      <t>ゴウケイ</t>
    </rPh>
    <rPh sb="30" eb="32">
      <t>ミマン</t>
    </rPh>
    <phoneticPr fontId="78"/>
  </si>
  <si>
    <r>
      <t xml:space="preserve">*1) </t>
    </r>
    <r>
      <rPr>
        <sz val="10"/>
        <rFont val="ＭＳ Ｐゴシック"/>
        <family val="3"/>
        <charset val="128"/>
      </rPr>
      <t>含有率の算出単位は均質材料です。／</t>
    </r>
    <r>
      <rPr>
        <sz val="10"/>
        <rFont val="Arial"/>
        <family val="2"/>
      </rPr>
      <t>Unit for calculating content rate is homogeneous material.</t>
    </r>
    <phoneticPr fontId="7"/>
  </si>
  <si>
    <r>
      <t xml:space="preserve">*8) </t>
    </r>
    <r>
      <rPr>
        <sz val="10"/>
        <rFont val="ＭＳ Ｐゴシック"/>
        <family val="3"/>
        <charset val="128"/>
      </rPr>
      <t>ハロゲン物質及びフタル酸エステルの分析データは、依頼元からの要求がある場合のみ提出願います。分析データは分析機関が発行した試験結果報告書を提出願います。</t>
    </r>
    <r>
      <rPr>
        <sz val="10"/>
        <rFont val="Arial"/>
        <family val="2"/>
      </rPr>
      <t xml:space="preserve"> 
     </t>
    </r>
    <r>
      <rPr>
        <sz val="10"/>
        <rFont val="ＭＳ Ｐゴシック"/>
        <family val="2"/>
        <charset val="128"/>
      </rPr>
      <t>／</t>
    </r>
    <r>
      <rPr>
        <sz val="10"/>
        <rFont val="Arial"/>
        <family val="2"/>
      </rPr>
      <t>Please submit an analysis report on halogen substances and phthalates, only when there is the request from the Sharp's department.
       And please ensure that it is the report on the result of examination issued by analytical organization.</t>
    </r>
    <phoneticPr fontId="7"/>
  </si>
  <si>
    <r>
      <t xml:space="preserve">3. </t>
    </r>
    <r>
      <rPr>
        <b/>
        <u/>
        <sz val="11"/>
        <rFont val="ＭＳ Ｐゴシック"/>
        <family val="3"/>
        <charset val="128"/>
      </rPr>
      <t>フタル酸エステル６種使用状況（工程管理）に関する確認事項</t>
    </r>
    <r>
      <rPr>
        <sz val="11"/>
        <rFont val="ＭＳ Ｐゴシック"/>
        <family val="3"/>
        <charset val="128"/>
      </rPr>
      <t>／</t>
    </r>
    <r>
      <rPr>
        <sz val="11"/>
        <rFont val="Arial"/>
        <family val="2"/>
      </rPr>
      <t xml:space="preserve">Points to be checked on phthalate usage condition (process control) </t>
    </r>
    <rPh sb="6" eb="7">
      <t>サン</t>
    </rPh>
    <rPh sb="12" eb="13">
      <t>シュ</t>
    </rPh>
    <rPh sb="13" eb="15">
      <t>シヨウ</t>
    </rPh>
    <rPh sb="15" eb="17">
      <t>ジョウキョウ</t>
    </rPh>
    <rPh sb="18" eb="20">
      <t>コウテイ</t>
    </rPh>
    <rPh sb="20" eb="22">
      <t>カンリ</t>
    </rPh>
    <rPh sb="24" eb="25">
      <t>カン</t>
    </rPh>
    <rPh sb="27" eb="29">
      <t>カクニン</t>
    </rPh>
    <rPh sb="29" eb="31">
      <t>ジコウ</t>
    </rPh>
    <phoneticPr fontId="78"/>
  </si>
  <si>
    <r>
      <rPr>
        <sz val="11"/>
        <rFont val="ＭＳ Ｐゴシック"/>
        <family val="3"/>
        <charset val="128"/>
      </rPr>
      <t>確認事項／</t>
    </r>
    <r>
      <rPr>
        <sz val="11"/>
        <rFont val="Arial"/>
        <family val="2"/>
      </rPr>
      <t>Criteria</t>
    </r>
    <rPh sb="0" eb="2">
      <t>カクニン</t>
    </rPh>
    <rPh sb="2" eb="4">
      <t>ジコウ</t>
    </rPh>
    <phoneticPr fontId="78"/>
  </si>
  <si>
    <r>
      <rPr>
        <sz val="11"/>
        <rFont val="ＭＳ Ｐゴシック"/>
        <family val="3"/>
        <charset val="128"/>
      </rPr>
      <t>回答欄／</t>
    </r>
    <r>
      <rPr>
        <sz val="11"/>
        <rFont val="Arial"/>
        <family val="2"/>
      </rPr>
      <t>Verified results</t>
    </r>
    <rPh sb="0" eb="2">
      <t>カイトウ</t>
    </rPh>
    <rPh sb="2" eb="3">
      <t>ラン</t>
    </rPh>
    <phoneticPr fontId="78"/>
  </si>
  <si>
    <r>
      <t xml:space="preserve">4. </t>
    </r>
    <r>
      <rPr>
        <b/>
        <u/>
        <sz val="11"/>
        <rFont val="ＭＳ Ｐゴシック"/>
        <family val="3"/>
        <charset val="128"/>
      </rPr>
      <t>管理物質に関する確認事項</t>
    </r>
    <r>
      <rPr>
        <sz val="11"/>
        <rFont val="ＭＳ Ｐゴシック"/>
        <family val="3"/>
        <charset val="128"/>
      </rPr>
      <t>　／</t>
    </r>
    <r>
      <rPr>
        <sz val="11"/>
        <rFont val="Arial"/>
        <family val="2"/>
      </rPr>
      <t>Points to be checked on  managed substances</t>
    </r>
    <rPh sb="3" eb="5">
      <t>カンリ</t>
    </rPh>
    <rPh sb="5" eb="7">
      <t>ブッシツ</t>
    </rPh>
    <rPh sb="8" eb="9">
      <t>カン</t>
    </rPh>
    <rPh sb="11" eb="13">
      <t>カクニン</t>
    </rPh>
    <rPh sb="13" eb="15">
      <t>ジコウ</t>
    </rPh>
    <phoneticPr fontId="78"/>
  </si>
  <si>
    <r>
      <rPr>
        <sz val="11"/>
        <rFont val="ＭＳ Ｐゴシック"/>
        <family val="3"/>
        <charset val="128"/>
      </rPr>
      <t>確認結果が基準を満たさない場合は、含有情報を開示します。／</t>
    </r>
    <r>
      <rPr>
        <sz val="11"/>
        <rFont val="Arial"/>
        <family val="2"/>
      </rPr>
      <t>If the check result does not meet the criteria, we disclose content information.</t>
    </r>
    <rPh sb="0" eb="2">
      <t>カクニン</t>
    </rPh>
    <rPh sb="2" eb="4">
      <t>ケッカ</t>
    </rPh>
    <rPh sb="5" eb="7">
      <t>キジュン</t>
    </rPh>
    <rPh sb="8" eb="9">
      <t>ミ</t>
    </rPh>
    <rPh sb="13" eb="15">
      <t>バアイ</t>
    </rPh>
    <rPh sb="17" eb="19">
      <t>ガンユウ</t>
    </rPh>
    <rPh sb="19" eb="21">
      <t>ジョウホウ</t>
    </rPh>
    <rPh sb="22" eb="24">
      <t>カイジ</t>
    </rPh>
    <phoneticPr fontId="7"/>
  </si>
  <si>
    <r>
      <rPr>
        <sz val="10"/>
        <rFont val="ＭＳ Ｐゴシック"/>
        <family val="3"/>
        <charset val="128"/>
      </rPr>
      <t>意図的に添加せず、かつ</t>
    </r>
    <r>
      <rPr>
        <sz val="10"/>
        <rFont val="Arial"/>
        <family val="2"/>
      </rPr>
      <t>1000ppm</t>
    </r>
    <r>
      <rPr>
        <sz val="10"/>
        <rFont val="ＭＳ Ｐゴシック"/>
        <family val="3"/>
        <charset val="128"/>
      </rPr>
      <t>以下の含有である／</t>
    </r>
    <r>
      <rPr>
        <sz val="10"/>
        <rFont val="Arial"/>
        <family val="2"/>
      </rPr>
      <t>Content is 1000ppm or less.  Not intentionally added.</t>
    </r>
    <phoneticPr fontId="7"/>
  </si>
  <si>
    <r>
      <t xml:space="preserve">   </t>
    </r>
    <r>
      <rPr>
        <sz val="10"/>
        <rFont val="ＭＳ Ｐゴシック"/>
        <family val="3"/>
        <charset val="128"/>
      </rPr>
      <t>意図的に添加せず、かつ構成部品比で</t>
    </r>
    <r>
      <rPr>
        <sz val="10"/>
        <rFont val="Arial"/>
        <family val="2"/>
      </rPr>
      <t>1000ppm</t>
    </r>
    <r>
      <rPr>
        <sz val="10"/>
        <rFont val="ＭＳ Ｐゴシック"/>
        <family val="3"/>
        <charset val="128"/>
      </rPr>
      <t>以下の含有である／</t>
    </r>
    <r>
      <rPr>
        <sz val="10"/>
        <rFont val="Arial"/>
        <family val="2"/>
      </rPr>
      <t xml:space="preserve"> 
   Content is 1000ppm or less of component mass ratio.  Not intentionally added.</t>
    </r>
    <rPh sb="14" eb="16">
      <t>コウセイ</t>
    </rPh>
    <rPh sb="16" eb="18">
      <t>ブヒン</t>
    </rPh>
    <rPh sb="18" eb="19">
      <t>ヒ</t>
    </rPh>
    <phoneticPr fontId="7"/>
  </si>
  <si>
    <r>
      <t xml:space="preserve">  Not Applicable </t>
    </r>
    <r>
      <rPr>
        <sz val="10"/>
        <rFont val="ＭＳ ゴシック"/>
        <family val="3"/>
        <charset val="128"/>
      </rPr>
      <t>の場合は対象となる化学物質の</t>
    </r>
    <r>
      <rPr>
        <sz val="10"/>
        <rFont val="Arial"/>
        <family val="2"/>
      </rPr>
      <t>CAS</t>
    </r>
    <r>
      <rPr>
        <sz val="10"/>
        <rFont val="Yu Gothic"/>
        <family val="2"/>
        <charset val="128"/>
      </rPr>
      <t>登録番号</t>
    </r>
    <r>
      <rPr>
        <sz val="10"/>
        <rFont val="ＭＳ ゴシック"/>
        <family val="3"/>
        <charset val="128"/>
      </rPr>
      <t>または化学物質名を</t>
    </r>
    <r>
      <rPr>
        <sz val="10"/>
        <rFont val="Arial"/>
        <family val="2"/>
      </rPr>
      <t>C-</t>
    </r>
    <r>
      <rPr>
        <sz val="10"/>
        <rFont val="ＭＳ ゴシック"/>
        <family val="3"/>
        <charset val="128"/>
      </rPr>
      <t>別表に記載してください／</t>
    </r>
    <r>
      <rPr>
        <sz val="10"/>
        <rFont val="Arial"/>
        <family val="2"/>
      </rPr>
      <t xml:space="preserve">
  In case of Not Applicable, enter the CAS RN or chemical substance name of the target chemical substance in the C-Appendix.</t>
    </r>
    <rPh sb="18" eb="20">
      <t>バアイ</t>
    </rPh>
    <rPh sb="21" eb="23">
      <t>タイショウ</t>
    </rPh>
    <rPh sb="26" eb="28">
      <t>カガク</t>
    </rPh>
    <rPh sb="28" eb="30">
      <t>ブッシツ</t>
    </rPh>
    <rPh sb="34" eb="36">
      <t>トウロク</t>
    </rPh>
    <rPh sb="36" eb="38">
      <t>バンゴウ</t>
    </rPh>
    <rPh sb="41" eb="45">
      <t>カガクブッシツ</t>
    </rPh>
    <rPh sb="45" eb="46">
      <t>メイ</t>
    </rPh>
    <rPh sb="49" eb="51">
      <t>ベッピョウ</t>
    </rPh>
    <rPh sb="52" eb="54">
      <t>キサイ</t>
    </rPh>
    <phoneticPr fontId="7"/>
  </si>
  <si>
    <r>
      <rPr>
        <sz val="10"/>
        <rFont val="ＭＳ Ｐゴシック"/>
        <family val="3"/>
        <charset val="128"/>
      </rPr>
      <t>　意図的に添加しておらず、かつ製品に残留していない／</t>
    </r>
    <r>
      <rPr>
        <sz val="10"/>
        <rFont val="Arial"/>
        <family val="2"/>
      </rPr>
      <t>Not intentionally added and remain in the product.</t>
    </r>
    <phoneticPr fontId="7"/>
  </si>
  <si>
    <r>
      <t xml:space="preserve">  Not Applicable </t>
    </r>
    <r>
      <rPr>
        <sz val="10"/>
        <rFont val="ＭＳ Ｐゴシック"/>
        <family val="3"/>
        <charset val="128"/>
      </rPr>
      <t>の場合は対象となる物質の</t>
    </r>
    <r>
      <rPr>
        <sz val="10"/>
        <rFont val="Arial"/>
        <family val="2"/>
      </rPr>
      <t>CAS</t>
    </r>
    <r>
      <rPr>
        <sz val="10"/>
        <rFont val="ＭＳ Ｐゴシック"/>
        <family val="3"/>
        <charset val="128"/>
      </rPr>
      <t>登録番号または物質名を</t>
    </r>
    <r>
      <rPr>
        <sz val="10"/>
        <rFont val="Arial"/>
        <family val="2"/>
      </rPr>
      <t>D-</t>
    </r>
    <r>
      <rPr>
        <sz val="10"/>
        <rFont val="ＭＳ Ｐゴシック"/>
        <family val="3"/>
        <charset val="128"/>
      </rPr>
      <t>別表に記載してください／</t>
    </r>
    <r>
      <rPr>
        <sz val="10"/>
        <rFont val="Arial"/>
        <family val="2"/>
      </rPr>
      <t xml:space="preserve">
  In case of Not Applicable, enter the CAS RN or substance name of the target substance in the C-Appendix.</t>
    </r>
    <phoneticPr fontId="7"/>
  </si>
  <si>
    <r>
      <rPr>
        <sz val="10"/>
        <rFont val="ＭＳ Ｐゴシック"/>
        <family val="3"/>
        <charset val="128"/>
      </rPr>
      <t>※</t>
    </r>
    <r>
      <rPr>
        <sz val="10"/>
        <rFont val="Arial"/>
        <family val="2"/>
      </rPr>
      <t>SDP</t>
    </r>
    <r>
      <rPr>
        <sz val="10"/>
        <rFont val="ＭＳ Ｐゴシック"/>
        <family val="3"/>
        <charset val="128"/>
      </rPr>
      <t>独自調査対象化学物質／</t>
    </r>
    <r>
      <rPr>
        <sz val="10"/>
        <rFont val="Arial"/>
        <family val="2"/>
      </rPr>
      <t>SDP-Specific Survey-Targeted Chemical Substances</t>
    </r>
    <phoneticPr fontId="7"/>
  </si>
  <si>
    <r>
      <t>*9)REACH</t>
    </r>
    <r>
      <rPr>
        <sz val="10"/>
        <rFont val="ＭＳ Ｐゴシック"/>
        <family val="3"/>
        <charset val="128"/>
      </rPr>
      <t>規則</t>
    </r>
    <r>
      <rPr>
        <sz val="10"/>
        <rFont val="Arial"/>
        <family val="2"/>
      </rPr>
      <t>SVHC</t>
    </r>
    <r>
      <rPr>
        <sz val="10"/>
        <rFont val="ＭＳ Ｐゴシック"/>
        <family val="3"/>
        <charset val="128"/>
      </rPr>
      <t>の含有率は最小構成部品比　その他は均質材料比で報告して下さい。／</t>
    </r>
    <r>
      <rPr>
        <sz val="10"/>
        <rFont val="Arial"/>
        <family val="2"/>
      </rPr>
      <t xml:space="preserve">
     Please report the content of REACH regulation SVHC as the minimum component ratio, and the other as homogeneous material ratio.</t>
    </r>
    <phoneticPr fontId="7"/>
  </si>
  <si>
    <r>
      <t>*10)</t>
    </r>
    <r>
      <rPr>
        <sz val="10"/>
        <rFont val="Arial Unicode MS"/>
        <family val="3"/>
        <charset val="128"/>
      </rPr>
      <t>最新</t>
    </r>
    <r>
      <rPr>
        <sz val="10"/>
        <rFont val="Arial"/>
        <family val="2"/>
      </rPr>
      <t>SVHC</t>
    </r>
    <r>
      <rPr>
        <sz val="10"/>
        <rFont val="Arial Unicode MS"/>
        <family val="3"/>
        <charset val="128"/>
      </rPr>
      <t>情報は</t>
    </r>
    <r>
      <rPr>
        <sz val="10"/>
        <rFont val="Arial"/>
        <family val="2"/>
      </rPr>
      <t>ECHA</t>
    </r>
    <r>
      <rPr>
        <sz val="10"/>
        <rFont val="Arial Unicode MS"/>
        <family val="3"/>
        <charset val="128"/>
      </rPr>
      <t>　</t>
    </r>
    <r>
      <rPr>
        <sz val="10"/>
        <rFont val="Arial"/>
        <family val="2"/>
      </rPr>
      <t>HP</t>
    </r>
    <r>
      <rPr>
        <sz val="10"/>
        <rFont val="Arial Unicode MS"/>
        <family val="3"/>
        <charset val="128"/>
      </rPr>
      <t>の</t>
    </r>
    <r>
      <rPr>
        <sz val="10"/>
        <rFont val="Arial"/>
        <family val="2"/>
      </rPr>
      <t>REACH</t>
    </r>
    <r>
      <rPr>
        <sz val="10"/>
        <rFont val="Arial Unicode MS"/>
        <family val="3"/>
        <charset val="128"/>
      </rPr>
      <t>規則高懸念物質（</t>
    </r>
    <r>
      <rPr>
        <sz val="10"/>
        <rFont val="Arial"/>
        <family val="2"/>
      </rPr>
      <t>SVHC</t>
    </r>
    <r>
      <rPr>
        <sz val="10"/>
        <rFont val="Arial Unicode MS"/>
        <family val="3"/>
        <charset val="128"/>
      </rPr>
      <t>）</t>
    </r>
    <r>
      <rPr>
        <sz val="10"/>
        <rFont val="ＭＳ Ｐゴシック"/>
        <family val="3"/>
        <charset val="128"/>
      </rPr>
      <t>をご確認ください。</t>
    </r>
    <r>
      <rPr>
        <sz val="10"/>
        <rFont val="Arial"/>
        <family val="2"/>
      </rPr>
      <t xml:space="preserve"> (URL  https://echa.europa.eu/candidate-list-table)</t>
    </r>
    <r>
      <rPr>
        <sz val="10"/>
        <rFont val="ＭＳ Ｐゴシック"/>
        <family val="2"/>
        <charset val="128"/>
      </rPr>
      <t>／</t>
    </r>
    <r>
      <rPr>
        <sz val="10"/>
        <rFont val="Arial"/>
        <family val="2"/>
      </rPr>
      <t xml:space="preserve">
</t>
    </r>
    <r>
      <rPr>
        <sz val="10"/>
        <rFont val="ＭＳ Ｐゴシック"/>
        <family val="3"/>
        <charset val="128"/>
      </rPr>
      <t>　　</t>
    </r>
    <r>
      <rPr>
        <sz val="10"/>
        <rFont val="Arial"/>
        <family val="2"/>
      </rPr>
      <t>For the latest SVHC information</t>
    </r>
    <r>
      <rPr>
        <sz val="10"/>
        <rFont val="ＭＳ Ｐゴシック"/>
        <family val="3"/>
        <charset val="128"/>
      </rPr>
      <t>，</t>
    </r>
    <r>
      <rPr>
        <sz val="10"/>
        <rFont val="Arial"/>
        <family val="2"/>
      </rPr>
      <t>Please see the ECHA website regarding REACH Regulation.</t>
    </r>
    <rPh sb="4" eb="6">
      <t>サイシン</t>
    </rPh>
    <rPh sb="10" eb="12">
      <t>ジョウホウ</t>
    </rPh>
    <rPh sb="41" eb="43">
      <t>カクニン</t>
    </rPh>
    <phoneticPr fontId="7"/>
  </si>
  <si>
    <r>
      <rPr>
        <sz val="11"/>
        <rFont val="ＭＳ Ｐゴシック"/>
        <family val="3"/>
        <charset val="128"/>
      </rPr>
      <t>確認内容／</t>
    </r>
    <r>
      <rPr>
        <sz val="11"/>
        <rFont val="Arial"/>
        <family val="2"/>
      </rPr>
      <t>Criteria *9)</t>
    </r>
    <rPh sb="0" eb="2">
      <t>カクニン</t>
    </rPh>
    <rPh sb="2" eb="4">
      <t>ナイヨウ</t>
    </rPh>
    <phoneticPr fontId="78"/>
  </si>
  <si>
    <r>
      <rPr>
        <sz val="11"/>
        <rFont val="ＭＳ Ｐゴシック"/>
        <family val="3"/>
        <charset val="128"/>
      </rPr>
      <t>確認結果／</t>
    </r>
    <r>
      <rPr>
        <sz val="11"/>
        <rFont val="Arial"/>
        <family val="2"/>
      </rPr>
      <t>Result *2)</t>
    </r>
    <rPh sb="0" eb="2">
      <t>カクニン</t>
    </rPh>
    <rPh sb="2" eb="4">
      <t>ケッカ</t>
    </rPh>
    <phoneticPr fontId="78"/>
  </si>
  <si>
    <r>
      <rPr>
        <sz val="11"/>
        <rFont val="ＭＳ Ｐゴシック"/>
        <family val="3"/>
        <charset val="128"/>
      </rPr>
      <t>確認内容／</t>
    </r>
    <r>
      <rPr>
        <sz val="11"/>
        <rFont val="Arial"/>
        <family val="2"/>
      </rPr>
      <t>Criteria *1)</t>
    </r>
    <rPh sb="0" eb="2">
      <t>カクニン</t>
    </rPh>
    <rPh sb="2" eb="4">
      <t>ナイヨウ</t>
    </rPh>
    <phoneticPr fontId="78"/>
  </si>
  <si>
    <r>
      <rPr>
        <sz val="11"/>
        <rFont val="ＭＳ Ｐゴシック"/>
        <family val="3"/>
        <charset val="128"/>
      </rPr>
      <t>確認結果／</t>
    </r>
    <r>
      <rPr>
        <sz val="11"/>
        <rFont val="Arial"/>
        <family val="2"/>
      </rPr>
      <t>Result</t>
    </r>
    <rPh sb="0" eb="2">
      <t>カクニン</t>
    </rPh>
    <rPh sb="2" eb="4">
      <t>ケッカ</t>
    </rPh>
    <phoneticPr fontId="78"/>
  </si>
  <si>
    <r>
      <t>CAS</t>
    </r>
    <r>
      <rPr>
        <sz val="11"/>
        <rFont val="ＭＳ Ｐゴシック"/>
        <family val="3"/>
        <charset val="128"/>
      </rPr>
      <t>番号／</t>
    </r>
    <r>
      <rPr>
        <sz val="9"/>
        <rFont val="Arial"/>
        <family val="2"/>
      </rPr>
      <t>CAS No.</t>
    </r>
    <rPh sb="3" eb="5">
      <t>バンゴウ</t>
    </rPh>
    <phoneticPr fontId="7"/>
  </si>
  <si>
    <r>
      <t>2-1</t>
    </r>
    <r>
      <rPr>
        <b/>
        <sz val="11"/>
        <rFont val="ＭＳ Ｐゴシック"/>
        <family val="3"/>
        <charset val="128"/>
      </rPr>
      <t>．全面的に使用を禁止する化学物質の製品への含有について／</t>
    </r>
    <r>
      <rPr>
        <b/>
        <sz val="11"/>
        <rFont val="Arial"/>
        <family val="2"/>
      </rPr>
      <t>Presence of banned substances in the product</t>
    </r>
    <rPh sb="4" eb="7">
      <t>ゼンメンテキ</t>
    </rPh>
    <rPh sb="8" eb="10">
      <t>シヨウ</t>
    </rPh>
    <rPh sb="11" eb="13">
      <t>キンシ</t>
    </rPh>
    <rPh sb="15" eb="17">
      <t>カガク</t>
    </rPh>
    <rPh sb="17" eb="19">
      <t>ブッシツ</t>
    </rPh>
    <rPh sb="20" eb="22">
      <t>セイヒン</t>
    </rPh>
    <rPh sb="24" eb="26">
      <t>ガンユウ</t>
    </rPh>
    <phoneticPr fontId="7"/>
  </si>
  <si>
    <r>
      <t xml:space="preserve">2. </t>
    </r>
    <r>
      <rPr>
        <b/>
        <u/>
        <sz val="11"/>
        <rFont val="ＭＳ Ｐゴシック"/>
        <family val="3"/>
        <charset val="128"/>
      </rPr>
      <t>確認結果／</t>
    </r>
    <r>
      <rPr>
        <u/>
        <sz val="11"/>
        <rFont val="Arial"/>
        <family val="2"/>
      </rPr>
      <t>Verified results</t>
    </r>
    <phoneticPr fontId="78"/>
  </si>
  <si>
    <r>
      <t>1</t>
    </r>
    <r>
      <rPr>
        <sz val="11"/>
        <rFont val="ＭＳ Ｐゴシック"/>
        <family val="3"/>
        <charset val="128"/>
      </rPr>
      <t>）</t>
    </r>
    <r>
      <rPr>
        <b/>
        <sz val="11"/>
        <rFont val="ＭＳ Ｐゴシック"/>
        <family val="3"/>
        <charset val="128"/>
      </rPr>
      <t>製品名</t>
    </r>
    <r>
      <rPr>
        <sz val="11"/>
        <rFont val="ＭＳ Ｐゴシック"/>
        <family val="3"/>
        <charset val="128"/>
      </rPr>
      <t>　／　</t>
    </r>
    <r>
      <rPr>
        <sz val="11"/>
        <rFont val="Arial"/>
        <family val="2"/>
      </rPr>
      <t>Product Name</t>
    </r>
    <rPh sb="2" eb="4">
      <t>セイヒン</t>
    </rPh>
    <phoneticPr fontId="78"/>
  </si>
  <si>
    <r>
      <t>2</t>
    </r>
    <r>
      <rPr>
        <sz val="11"/>
        <rFont val="ＭＳ Ｐゴシック"/>
        <family val="3"/>
        <charset val="128"/>
      </rPr>
      <t>）</t>
    </r>
    <r>
      <rPr>
        <b/>
        <sz val="11"/>
        <rFont val="Arial"/>
        <family val="3"/>
      </rPr>
      <t>SDP</t>
    </r>
    <r>
      <rPr>
        <b/>
        <sz val="11"/>
        <rFont val="ＭＳ Ｐゴシック"/>
        <family val="3"/>
        <charset val="128"/>
      </rPr>
      <t>部品コード</t>
    </r>
    <r>
      <rPr>
        <sz val="11"/>
        <rFont val="ＭＳ Ｐゴシック"/>
        <family val="3"/>
        <charset val="128"/>
      </rPr>
      <t>　／　</t>
    </r>
    <r>
      <rPr>
        <sz val="11"/>
        <rFont val="Arial"/>
        <family val="2"/>
      </rPr>
      <t>SDP Part Code Number</t>
    </r>
    <rPh sb="5" eb="7">
      <t>ブヒン</t>
    </rPh>
    <phoneticPr fontId="78"/>
  </si>
  <si>
    <r>
      <t xml:space="preserve">4) </t>
    </r>
    <r>
      <rPr>
        <b/>
        <sz val="11"/>
        <rFont val="ＭＳ Ｐゴシック"/>
        <family val="3"/>
        <charset val="128"/>
      </rPr>
      <t>生産地（工場名）</t>
    </r>
    <r>
      <rPr>
        <b/>
        <sz val="11"/>
        <rFont val="Arial"/>
        <family val="2"/>
      </rPr>
      <t xml:space="preserve"> </t>
    </r>
    <r>
      <rPr>
        <sz val="11"/>
        <rFont val="ＭＳ Ｐゴシック"/>
        <family val="3"/>
        <charset val="128"/>
      </rPr>
      <t>／</t>
    </r>
    <r>
      <rPr>
        <sz val="11"/>
        <rFont val="Arial"/>
        <family val="2"/>
      </rPr>
      <t xml:space="preserve">  Place of production (Factory name)</t>
    </r>
    <phoneticPr fontId="78"/>
  </si>
  <si>
    <r>
      <t>3</t>
    </r>
    <r>
      <rPr>
        <sz val="11"/>
        <rFont val="ＭＳ Ｐゴシック"/>
        <family val="3"/>
        <charset val="128"/>
      </rPr>
      <t>）</t>
    </r>
    <r>
      <rPr>
        <sz val="11"/>
        <rFont val="Arial"/>
        <family val="2"/>
      </rPr>
      <t xml:space="preserve"> </t>
    </r>
    <r>
      <rPr>
        <b/>
        <sz val="11"/>
        <rFont val="ＭＳ Ｐゴシック"/>
        <family val="3"/>
        <charset val="128"/>
      </rPr>
      <t>メーカー部品コード</t>
    </r>
    <r>
      <rPr>
        <b/>
        <sz val="11"/>
        <rFont val="Arial"/>
        <family val="2"/>
      </rPr>
      <t xml:space="preserve"> </t>
    </r>
    <r>
      <rPr>
        <sz val="11"/>
        <rFont val="ＭＳ Ｐゴシック"/>
        <family val="3"/>
        <charset val="128"/>
      </rPr>
      <t>／</t>
    </r>
    <r>
      <rPr>
        <sz val="11"/>
        <rFont val="Arial"/>
        <family val="2"/>
      </rPr>
      <t xml:space="preserve">  Manufacturer’s Part Code Number</t>
    </r>
    <phoneticPr fontId="78"/>
  </si>
  <si>
    <r>
      <t xml:space="preserve">1. </t>
    </r>
    <r>
      <rPr>
        <b/>
        <u/>
        <sz val="11"/>
        <rFont val="ＭＳ Ｐゴシック"/>
        <family val="3"/>
        <charset val="128"/>
      </rPr>
      <t>調査確認製品</t>
    </r>
    <r>
      <rPr>
        <u/>
        <sz val="11"/>
        <rFont val="ＭＳ Ｐゴシック"/>
        <family val="3"/>
        <charset val="128"/>
      </rPr>
      <t>／</t>
    </r>
    <r>
      <rPr>
        <u/>
        <sz val="11"/>
        <rFont val="Arial"/>
        <family val="2"/>
      </rPr>
      <t>Information on surveryed product</t>
    </r>
    <rPh sb="3" eb="5">
      <t>チョウサ</t>
    </rPh>
    <rPh sb="5" eb="7">
      <t>カクニン</t>
    </rPh>
    <rPh sb="7" eb="9">
      <t>セイヒン</t>
    </rPh>
    <phoneticPr fontId="78"/>
  </si>
  <si>
    <r>
      <rPr>
        <b/>
        <sz val="11"/>
        <rFont val="ＭＳ Ｐゴシック"/>
        <family val="3"/>
        <charset val="128"/>
      </rPr>
      <t>下記含有化学物質につき、以下の通りであることを報告します。</t>
    </r>
    <r>
      <rPr>
        <sz val="11"/>
        <rFont val="ＭＳ Ｐゴシック"/>
        <family val="3"/>
        <charset val="128"/>
      </rPr>
      <t>／</t>
    </r>
    <r>
      <rPr>
        <sz val="11"/>
        <rFont val="Arial"/>
        <family val="2"/>
      </rPr>
      <t>We report on the chemical substances contained in the product delivered to you as follows:</t>
    </r>
    <rPh sb="0" eb="2">
      <t>カキ</t>
    </rPh>
    <rPh sb="2" eb="4">
      <t>ガンユウ</t>
    </rPh>
    <rPh sb="4" eb="6">
      <t>カガク</t>
    </rPh>
    <rPh sb="6" eb="8">
      <t>ブッシツ</t>
    </rPh>
    <rPh sb="12" eb="14">
      <t>イカ</t>
    </rPh>
    <rPh sb="15" eb="16">
      <t>トオ</t>
    </rPh>
    <rPh sb="23" eb="25">
      <t>ホウコク</t>
    </rPh>
    <phoneticPr fontId="78"/>
  </si>
  <si>
    <r>
      <t>*12</t>
    </r>
    <r>
      <rPr>
        <sz val="9"/>
        <rFont val="ＭＳ Ｐゴシック"/>
        <family val="3"/>
        <charset val="128"/>
      </rPr>
      <t>）　特定顧客向け部材・材料かは採用部門に確認願います。／</t>
    </r>
    <r>
      <rPr>
        <sz val="9"/>
        <rFont val="Arial"/>
        <family val="2"/>
      </rPr>
      <t>Please confirm whether it is that for the specific customer to the part/material adopted division.</t>
    </r>
    <rPh sb="5" eb="7">
      <t>トクテイ</t>
    </rPh>
    <rPh sb="7" eb="9">
      <t>コキャク</t>
    </rPh>
    <rPh sb="9" eb="10">
      <t>ム</t>
    </rPh>
    <rPh sb="11" eb="13">
      <t>ブザイ</t>
    </rPh>
    <rPh sb="14" eb="16">
      <t>ザイリョウ</t>
    </rPh>
    <rPh sb="18" eb="20">
      <t>サイヨウ</t>
    </rPh>
    <rPh sb="20" eb="22">
      <t>ブモン</t>
    </rPh>
    <rPh sb="23" eb="25">
      <t>カクニン</t>
    </rPh>
    <rPh sb="25" eb="26">
      <t>ネガ</t>
    </rPh>
    <phoneticPr fontId="7"/>
  </si>
  <si>
    <r>
      <t xml:space="preserve">*11) </t>
    </r>
    <r>
      <rPr>
        <sz val="10"/>
        <rFont val="ＭＳ Ｐゴシック"/>
        <family val="3"/>
        <charset val="128"/>
      </rPr>
      <t>ハロゲン物質及びフタル酸エステルの分析データは、依頼元からの要求がある場合のみ提出願います。分析データは分析機関が発行した試験結果報告書を提出願います。</t>
    </r>
    <r>
      <rPr>
        <sz val="10"/>
        <rFont val="Arial"/>
        <family val="2"/>
      </rPr>
      <t xml:space="preserve"> 
    </t>
    </r>
    <r>
      <rPr>
        <sz val="10"/>
        <rFont val="ＭＳ Ｐゴシック"/>
        <family val="2"/>
        <charset val="128"/>
      </rPr>
      <t>／</t>
    </r>
    <r>
      <rPr>
        <sz val="10"/>
        <rFont val="Arial"/>
        <family val="2"/>
      </rPr>
      <t>Please submit an analysis report on halogen substances and phthalates, only when there is the request from the Sharp's department.
       And please ensure that it is the report on the result of examination issued by analytical organization.</t>
    </r>
    <phoneticPr fontId="7"/>
  </si>
  <si>
    <r>
      <rPr>
        <sz val="11"/>
        <rFont val="ＭＳ Ｐゴシック"/>
        <family val="3"/>
        <charset val="128"/>
      </rPr>
      <t>特定顧客向け部材・材料</t>
    </r>
    <r>
      <rPr>
        <sz val="11"/>
        <rFont val="Arial"/>
        <family val="2"/>
      </rPr>
      <t xml:space="preserve"> *12</t>
    </r>
    <r>
      <rPr>
        <sz val="11"/>
        <rFont val="ＭＳ Ｐゴシック"/>
        <family val="3"/>
        <charset val="128"/>
      </rPr>
      <t>）／</t>
    </r>
    <r>
      <rPr>
        <sz val="11"/>
        <rFont val="Arial"/>
        <family val="2"/>
      </rPr>
      <t>Part/material for the specific customer</t>
    </r>
    <rPh sb="0" eb="2">
      <t>トクテイ</t>
    </rPh>
    <rPh sb="2" eb="4">
      <t>コキャク</t>
    </rPh>
    <rPh sb="4" eb="5">
      <t>ム</t>
    </rPh>
    <rPh sb="6" eb="8">
      <t>ブザイ</t>
    </rPh>
    <rPh sb="9" eb="11">
      <t>ザイリョウ</t>
    </rPh>
    <phoneticPr fontId="7"/>
  </si>
  <si>
    <r>
      <t>(1)</t>
    </r>
    <r>
      <rPr>
        <sz val="11"/>
        <rFont val="ＭＳ Ｐゴシック"/>
        <family val="3"/>
        <charset val="128"/>
      </rPr>
      <t>以外／</t>
    </r>
    <r>
      <rPr>
        <sz val="11"/>
        <rFont val="Arial"/>
        <family val="2"/>
      </rPr>
      <t>Used in every application other than the above item (1)</t>
    </r>
    <rPh sb="3" eb="5">
      <t>イガイ</t>
    </rPh>
    <phoneticPr fontId="7"/>
  </si>
  <si>
    <r>
      <rPr>
        <sz val="10"/>
        <rFont val="ＭＳ Ｐゴシック"/>
        <family val="3"/>
        <charset val="128"/>
      </rPr>
      <t>対象となる化学物質の</t>
    </r>
    <r>
      <rPr>
        <sz val="10"/>
        <rFont val="Arial"/>
        <family val="2"/>
      </rPr>
      <t>CAS</t>
    </r>
    <r>
      <rPr>
        <sz val="10"/>
        <rFont val="ＭＳ Ｐゴシック"/>
        <family val="3"/>
        <charset val="128"/>
      </rPr>
      <t>登録番号または化学物質名を記載してください／</t>
    </r>
    <r>
      <rPr>
        <sz val="10"/>
        <rFont val="Arial"/>
        <family val="2"/>
      </rPr>
      <t>enter the CAS RN or chemical substance name of the target chemical substance.</t>
    </r>
    <rPh sb="13" eb="15">
      <t>トウロク</t>
    </rPh>
    <rPh sb="15" eb="17">
      <t>バンゴウ</t>
    </rPh>
    <phoneticPr fontId="7"/>
  </si>
  <si>
    <r>
      <rPr>
        <sz val="10"/>
        <rFont val="ＭＳ Ｐゴシック"/>
        <family val="3"/>
        <charset val="128"/>
      </rPr>
      <t>責任ある鉱物調達調査　対象鉱物</t>
    </r>
    <r>
      <rPr>
        <sz val="10"/>
        <rFont val="Arial"/>
        <family val="2"/>
      </rPr>
      <t>(</t>
    </r>
    <r>
      <rPr>
        <sz val="10"/>
        <rFont val="ＭＳ Ｐゴシック"/>
        <family val="3"/>
        <charset val="128"/>
      </rPr>
      <t>スズ、タングステン、金、タンタル、コバルト、天然マイカ</t>
    </r>
    <r>
      <rPr>
        <sz val="10"/>
        <rFont val="Arial"/>
        <family val="2"/>
      </rPr>
      <t>)</t>
    </r>
    <r>
      <rPr>
        <sz val="10"/>
        <rFont val="ＭＳ Ｐゴシック"/>
        <family val="2"/>
        <charset val="128"/>
      </rPr>
      <t>／</t>
    </r>
    <phoneticPr fontId="7"/>
  </si>
  <si>
    <r>
      <t>(2)</t>
    </r>
    <r>
      <rPr>
        <sz val="11"/>
        <rFont val="ＭＳ Ｐゴシック"/>
        <family val="3"/>
        <charset val="128"/>
      </rPr>
      <t>以外の用途／</t>
    </r>
    <r>
      <rPr>
        <sz val="11"/>
        <rFont val="Arial"/>
        <family val="2"/>
      </rPr>
      <t>Used in every application other than the following item (2).</t>
    </r>
    <rPh sb="3" eb="5">
      <t>イガイ</t>
    </rPh>
    <rPh sb="6" eb="8">
      <t>ヨウト</t>
    </rPh>
    <phoneticPr fontId="7"/>
  </si>
  <si>
    <r>
      <rPr>
        <sz val="11"/>
        <rFont val="ＭＳ Ｐゴシック"/>
        <family val="3"/>
        <charset val="128"/>
      </rPr>
      <t>包装材への使用／</t>
    </r>
    <r>
      <rPr>
        <sz val="11"/>
        <rFont val="Arial"/>
        <family val="2"/>
      </rPr>
      <t>Used in packaging part</t>
    </r>
    <rPh sb="0" eb="2">
      <t>ホウソウ</t>
    </rPh>
    <rPh sb="2" eb="3">
      <t>ザイ</t>
    </rPh>
    <rPh sb="5" eb="7">
      <t>シヨウ</t>
    </rPh>
    <phoneticPr fontId="7"/>
  </si>
  <si>
    <r>
      <rPr>
        <sz val="11"/>
        <rFont val="ＭＳ Ｐゴシック"/>
        <family val="3"/>
        <charset val="128"/>
      </rPr>
      <t>直接皮膚に触れない用途での使用／</t>
    </r>
    <r>
      <rPr>
        <sz val="11"/>
        <rFont val="Arial"/>
        <family val="2"/>
      </rPr>
      <t>Used in the applications that do not directly touch the skin.</t>
    </r>
    <rPh sb="0" eb="2">
      <t>チョクセツ</t>
    </rPh>
    <rPh sb="2" eb="4">
      <t>ヒフ</t>
    </rPh>
    <rPh sb="5" eb="6">
      <t>フ</t>
    </rPh>
    <rPh sb="9" eb="11">
      <t>ヨウト</t>
    </rPh>
    <rPh sb="13" eb="15">
      <t>シヨウ</t>
    </rPh>
    <phoneticPr fontId="7"/>
  </si>
  <si>
    <r>
      <t>(2)</t>
    </r>
    <r>
      <rPr>
        <sz val="11"/>
        <rFont val="ＭＳ Ｐゴシック"/>
        <family val="3"/>
        <charset val="128"/>
      </rPr>
      <t>、(</t>
    </r>
    <r>
      <rPr>
        <sz val="11"/>
        <rFont val="Arial"/>
        <family val="2"/>
      </rPr>
      <t>3)</t>
    </r>
    <r>
      <rPr>
        <sz val="11"/>
        <rFont val="ＭＳ Ｐゴシック"/>
        <family val="3"/>
        <charset val="128"/>
      </rPr>
      <t>以外の用途／</t>
    </r>
    <r>
      <rPr>
        <sz val="11"/>
        <rFont val="Arial"/>
        <family val="2"/>
      </rPr>
      <t>Used in every application other than the following items (2),(3)</t>
    </r>
    <rPh sb="7" eb="9">
      <t>イガイ</t>
    </rPh>
    <rPh sb="10" eb="12">
      <t>ヨウト</t>
    </rPh>
    <phoneticPr fontId="7"/>
  </si>
  <si>
    <r>
      <t>(3)</t>
    </r>
    <r>
      <rPr>
        <sz val="11"/>
        <rFont val="ＭＳ Ｐゴシック"/>
        <family val="3"/>
        <charset val="128"/>
      </rPr>
      <t>以外の使用／</t>
    </r>
    <r>
      <rPr>
        <sz val="11"/>
        <rFont val="Arial"/>
        <family val="2"/>
      </rPr>
      <t>Used in every application other than the following item (3).</t>
    </r>
    <rPh sb="3" eb="5">
      <t>イガイ</t>
    </rPh>
    <rPh sb="6" eb="8">
      <t>シヨウ</t>
    </rPh>
    <phoneticPr fontId="7"/>
  </si>
  <si>
    <r>
      <t>*12</t>
    </r>
    <r>
      <rPr>
        <sz val="9"/>
        <rFont val="ＭＳ Ｐゴシック"/>
        <family val="3"/>
        <charset val="128"/>
      </rPr>
      <t>）</t>
    </r>
    <r>
      <rPr>
        <sz val="9"/>
        <rFont val="Arial"/>
        <family val="2"/>
      </rPr>
      <t xml:space="preserve"> </t>
    </r>
    <r>
      <rPr>
        <sz val="9"/>
        <rFont val="ＭＳ Ｐゴシック"/>
        <family val="3"/>
        <charset val="128"/>
      </rPr>
      <t>特定顧客向け部材・材料かは採用部門に確認願います。／</t>
    </r>
    <r>
      <rPr>
        <sz val="9"/>
        <rFont val="Arial"/>
        <family val="2"/>
      </rPr>
      <t>Please confirm whether it is that for the specific customer to the part/material adopted division.</t>
    </r>
    <rPh sb="5" eb="7">
      <t>トクテイ</t>
    </rPh>
    <rPh sb="7" eb="9">
      <t>コキャク</t>
    </rPh>
    <rPh sb="9" eb="10">
      <t>ム</t>
    </rPh>
    <rPh sb="11" eb="13">
      <t>ブザイ</t>
    </rPh>
    <rPh sb="14" eb="16">
      <t>ザイリョウ</t>
    </rPh>
    <rPh sb="18" eb="20">
      <t>サイヨウ</t>
    </rPh>
    <rPh sb="20" eb="22">
      <t>ブモン</t>
    </rPh>
    <rPh sb="23" eb="25">
      <t>カクニン</t>
    </rPh>
    <rPh sb="25" eb="26">
      <t>ネガ</t>
    </rPh>
    <phoneticPr fontId="7"/>
  </si>
  <si>
    <r>
      <rPr>
        <sz val="11"/>
        <rFont val="ＭＳ Ｐゴシック"/>
        <family val="3"/>
        <charset val="128"/>
      </rPr>
      <t>法で定める制限用途ではなく、かつ成形品中に残留しており、その残留含有率が製品全体の質量に対して</t>
    </r>
    <r>
      <rPr>
        <sz val="11"/>
        <rFont val="Arial"/>
        <family val="2"/>
      </rPr>
      <t>0.1wt</t>
    </r>
    <r>
      <rPr>
        <sz val="11"/>
        <rFont val="ＭＳ Ｐゴシック"/>
        <family val="3"/>
        <charset val="128"/>
      </rPr>
      <t>％以上の場合でかつ代替化困難な場合
／</t>
    </r>
    <r>
      <rPr>
        <sz val="9"/>
        <rFont val="Arial"/>
        <family val="2"/>
      </rPr>
      <t>Remained in the article, the residual content  is 0.1 wt% or more with respect to the total mass of the product, and it is difficult to substitute.</t>
    </r>
    <rPh sb="0" eb="1">
      <t>ホウ</t>
    </rPh>
    <rPh sb="2" eb="3">
      <t>サダ</t>
    </rPh>
    <rPh sb="5" eb="7">
      <t>セイゲン</t>
    </rPh>
    <rPh sb="7" eb="9">
      <t>ヨウト</t>
    </rPh>
    <phoneticPr fontId="7"/>
  </si>
  <si>
    <r>
      <rPr>
        <sz val="11"/>
        <rFont val="ＭＳ Ｐゴシック"/>
        <family val="3"/>
        <charset val="128"/>
      </rPr>
      <t>法で定める制限用途ではなく、かつ成形品中に残留しており、その残留含有率が製品全体質量に対して</t>
    </r>
    <r>
      <rPr>
        <sz val="11"/>
        <rFont val="Arial"/>
        <family val="2"/>
      </rPr>
      <t>0.1wt</t>
    </r>
    <r>
      <rPr>
        <sz val="11"/>
        <rFont val="ＭＳ Ｐゴシック"/>
        <family val="3"/>
        <charset val="128"/>
      </rPr>
      <t>％未満の場合
／</t>
    </r>
    <r>
      <rPr>
        <sz val="9"/>
        <rFont val="Arial"/>
        <family val="2"/>
      </rPr>
      <t>Remained in the article and the residual content  is less than 0.1 wt% with respect to the total mass of the product.</t>
    </r>
    <rPh sb="0" eb="1">
      <t>ホウ</t>
    </rPh>
    <rPh sb="2" eb="3">
      <t>サダ</t>
    </rPh>
    <rPh sb="5" eb="7">
      <t>セイゲン</t>
    </rPh>
    <rPh sb="7" eb="9">
      <t>ヨウト</t>
    </rPh>
    <phoneticPr fontId="7"/>
  </si>
  <si>
    <t>&lt; Applicable          　　     / Not Applicable &gt;</t>
  </si>
  <si>
    <t>　</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yyyy/mm/dd"/>
    <numFmt numFmtId="177" formatCode="&quot;(&quot;General&quot;)&quot;"/>
  </numFmts>
  <fonts count="118">
    <font>
      <sz val="10"/>
      <color theme="1"/>
      <name val="MS UI Gothic"/>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MS UI Gothic"/>
      <family val="3"/>
      <charset val="128"/>
    </font>
    <font>
      <sz val="10"/>
      <name val="Arial"/>
      <family val="2"/>
    </font>
    <font>
      <sz val="11"/>
      <name val="ＭＳ Ｐゴシック"/>
      <family val="3"/>
      <charset val="128"/>
    </font>
    <font>
      <sz val="6"/>
      <name val="ＭＳ Ｐゴシック"/>
      <family val="2"/>
      <charset val="128"/>
      <scheme val="minor"/>
    </font>
    <font>
      <sz val="9"/>
      <color theme="1"/>
      <name val="Arial"/>
      <family val="2"/>
    </font>
    <font>
      <b/>
      <sz val="9"/>
      <color theme="1"/>
      <name val="Arial"/>
      <family val="2"/>
    </font>
    <font>
      <sz val="9"/>
      <name val="Arial"/>
      <family val="2"/>
    </font>
    <font>
      <sz val="8"/>
      <color theme="1"/>
      <name val="Arial"/>
      <family val="2"/>
    </font>
    <font>
      <sz val="8"/>
      <name val="Arial"/>
      <family val="2"/>
    </font>
    <font>
      <b/>
      <sz val="8"/>
      <color theme="1"/>
      <name val="Arial"/>
      <family val="2"/>
    </font>
    <font>
      <b/>
      <sz val="9"/>
      <name val="Arial"/>
      <family val="2"/>
    </font>
    <font>
      <sz val="9"/>
      <name val="ＭＳ Ｐゴシック"/>
      <family val="3"/>
      <charset val="128"/>
    </font>
    <font>
      <sz val="9"/>
      <color theme="1"/>
      <name val="ＭＳ Ｐゴシック"/>
      <family val="3"/>
      <charset val="128"/>
    </font>
    <font>
      <b/>
      <u/>
      <sz val="8"/>
      <color theme="1"/>
      <name val="Arial"/>
      <family val="2"/>
    </font>
    <font>
      <b/>
      <sz val="10"/>
      <color theme="1"/>
      <name val="ＭＳ Ｐゴシック"/>
      <family val="3"/>
      <charset val="128"/>
    </font>
    <font>
      <sz val="11"/>
      <color theme="1"/>
      <name val="ＭＳ Ｐゴシック"/>
      <family val="3"/>
      <charset val="128"/>
    </font>
    <font>
      <b/>
      <sz val="11"/>
      <color theme="0"/>
      <name val="ＭＳ Ｐゴシック"/>
      <family val="3"/>
      <charset val="128"/>
    </font>
    <font>
      <b/>
      <sz val="12"/>
      <color theme="1"/>
      <name val="ＭＳ Ｐゴシック"/>
      <family val="3"/>
      <charset val="128"/>
    </font>
    <font>
      <b/>
      <sz val="11"/>
      <color theme="1"/>
      <name val="ＭＳ Ｐゴシック"/>
      <family val="3"/>
      <charset val="128"/>
    </font>
    <font>
      <sz val="6"/>
      <color theme="1"/>
      <name val="Arial"/>
      <family val="2"/>
    </font>
    <font>
      <b/>
      <sz val="8"/>
      <color theme="1"/>
      <name val="ＭＳ Ｐゴシック"/>
      <family val="3"/>
      <charset val="128"/>
    </font>
    <font>
      <b/>
      <sz val="9"/>
      <color theme="0"/>
      <name val="Arial"/>
      <family val="2"/>
    </font>
    <font>
      <b/>
      <sz val="10"/>
      <color rgb="FFFF0000"/>
      <name val="Arial"/>
      <family val="2"/>
    </font>
    <font>
      <b/>
      <sz val="20"/>
      <name val="Arial"/>
      <family val="2"/>
    </font>
    <font>
      <sz val="11"/>
      <color theme="1"/>
      <name val="Arial"/>
      <family val="2"/>
    </font>
    <font>
      <sz val="10"/>
      <color theme="1"/>
      <name val="Arial"/>
      <family val="2"/>
    </font>
    <font>
      <sz val="11"/>
      <name val="Arial"/>
      <family val="2"/>
    </font>
    <font>
      <b/>
      <sz val="10"/>
      <color theme="1"/>
      <name val="Arial"/>
      <family val="2"/>
    </font>
    <font>
      <b/>
      <sz val="12"/>
      <color theme="1"/>
      <name val="Arial"/>
      <family val="2"/>
    </font>
    <font>
      <b/>
      <sz val="11"/>
      <name val="Arial"/>
      <family val="2"/>
    </font>
    <font>
      <b/>
      <sz val="11"/>
      <color theme="1"/>
      <name val="Arial"/>
      <family val="2"/>
    </font>
    <font>
      <b/>
      <sz val="11"/>
      <color theme="0"/>
      <name val="Arial"/>
      <family val="2"/>
    </font>
    <font>
      <b/>
      <sz val="11"/>
      <name val="ＭＳ Ｐゴシック"/>
      <family val="3"/>
      <charset val="128"/>
    </font>
    <font>
      <sz val="10"/>
      <color theme="1"/>
      <name val="ＭＳ Ｐゴシック"/>
      <family val="3"/>
      <charset val="128"/>
    </font>
    <font>
      <b/>
      <u/>
      <sz val="10"/>
      <color theme="1"/>
      <name val="Arial"/>
      <family val="2"/>
    </font>
    <font>
      <b/>
      <sz val="12"/>
      <name val="Arial"/>
      <family val="2"/>
    </font>
    <font>
      <sz val="10"/>
      <name val="ＭＳ Ｐゴシック"/>
      <family val="3"/>
      <charset val="128"/>
    </font>
    <font>
      <b/>
      <sz val="10"/>
      <color rgb="FFFF0000"/>
      <name val="ＭＳ Ｐゴシック"/>
      <family val="3"/>
      <charset val="128"/>
    </font>
    <font>
      <b/>
      <u/>
      <sz val="12"/>
      <name val="ＭＳ Ｐゴシック"/>
      <family val="3"/>
      <charset val="128"/>
    </font>
    <font>
      <b/>
      <u/>
      <sz val="9"/>
      <name val="Arial"/>
      <family val="2"/>
    </font>
    <font>
      <b/>
      <u/>
      <sz val="9"/>
      <name val="ＭＳ Ｐゴシック"/>
      <family val="3"/>
      <charset val="128"/>
    </font>
    <font>
      <b/>
      <sz val="10"/>
      <name val="Arial"/>
      <family val="2"/>
    </font>
    <font>
      <b/>
      <sz val="20"/>
      <name val="ＭＳ Ｐゴシック"/>
      <family val="3"/>
      <charset val="128"/>
    </font>
    <font>
      <b/>
      <u/>
      <sz val="10"/>
      <name val="Arial"/>
      <family val="2"/>
    </font>
    <font>
      <b/>
      <u/>
      <sz val="10"/>
      <name val="ＭＳ Ｐゴシック"/>
      <family val="3"/>
      <charset val="128"/>
    </font>
    <font>
      <b/>
      <u/>
      <sz val="8"/>
      <name val="Arial"/>
      <family val="2"/>
    </font>
    <font>
      <sz val="10"/>
      <color theme="1"/>
      <name val="MS UI Gothic"/>
      <family val="3"/>
      <charset val="128"/>
    </font>
    <font>
      <b/>
      <sz val="10"/>
      <name val="ＭＳ Ｐゴシック"/>
      <family val="3"/>
      <charset val="128"/>
    </font>
    <font>
      <sz val="11"/>
      <color rgb="FFFF0000"/>
      <name val="Arial"/>
      <family val="2"/>
    </font>
    <font>
      <sz val="9"/>
      <color rgb="FFFF0000"/>
      <name val="Arial"/>
      <family val="2"/>
    </font>
    <font>
      <b/>
      <sz val="12"/>
      <name val="ＭＳ Ｐゴシック"/>
      <family val="3"/>
      <charset val="128"/>
    </font>
    <font>
      <b/>
      <sz val="8"/>
      <name val="Arial"/>
      <family val="2"/>
    </font>
    <font>
      <b/>
      <u/>
      <sz val="10"/>
      <color theme="1"/>
      <name val="ＭＳ Ｐゴシック"/>
      <family val="3"/>
      <charset val="128"/>
    </font>
    <font>
      <b/>
      <u/>
      <sz val="11"/>
      <name val="Arial"/>
      <family val="2"/>
    </font>
    <font>
      <b/>
      <u/>
      <sz val="11"/>
      <name val="ＭＳ Ｐゴシック"/>
      <family val="3"/>
      <charset val="128"/>
    </font>
    <font>
      <b/>
      <sz val="9"/>
      <color rgb="FFFF0000"/>
      <name val="Arial"/>
      <family val="2"/>
    </font>
    <font>
      <sz val="10"/>
      <color rgb="FFFF0000"/>
      <name val="ＭＳ Ｐゴシック"/>
      <family val="3"/>
      <charset val="128"/>
    </font>
    <font>
      <vertAlign val="superscript"/>
      <sz val="11"/>
      <name val="Arial"/>
      <family val="2"/>
    </font>
    <font>
      <vertAlign val="superscript"/>
      <sz val="9"/>
      <name val="Arial"/>
      <family val="2"/>
    </font>
    <font>
      <b/>
      <sz val="8"/>
      <name val="ＭＳ Ｐゴシック"/>
      <family val="3"/>
      <charset val="128"/>
    </font>
    <font>
      <u/>
      <sz val="11"/>
      <name val="ＭＳ Ｐゴシック"/>
      <family val="3"/>
      <charset val="128"/>
    </font>
    <font>
      <u/>
      <sz val="11"/>
      <name val="Arial"/>
      <family val="2"/>
    </font>
    <font>
      <u/>
      <sz val="9"/>
      <name val="ＭＳ Ｐゴシック"/>
      <family val="3"/>
      <charset val="128"/>
    </font>
    <font>
      <u/>
      <sz val="9"/>
      <name val="Arial"/>
      <family val="2"/>
    </font>
    <font>
      <sz val="14"/>
      <name val="Arial"/>
      <family val="2"/>
    </font>
    <font>
      <strike/>
      <sz val="10"/>
      <name val="Arial"/>
      <family val="2"/>
    </font>
    <font>
      <sz val="18"/>
      <name val="Arial"/>
      <family val="2"/>
    </font>
    <font>
      <sz val="6"/>
      <name val="MS UI Gothic"/>
      <family val="2"/>
      <charset val="128"/>
    </font>
    <font>
      <sz val="11"/>
      <name val="Arial"/>
      <family val="3"/>
      <charset val="128"/>
    </font>
    <font>
      <sz val="10.5"/>
      <name val="Arial"/>
      <family val="2"/>
    </font>
    <font>
      <sz val="10.5"/>
      <name val="ＭＳ Ｐゴシック"/>
      <family val="3"/>
      <charset val="128"/>
    </font>
    <font>
      <sz val="6"/>
      <name val="ＭＳ Ｐゴシック"/>
      <family val="3"/>
      <charset val="128"/>
    </font>
    <font>
      <sz val="11"/>
      <color rgb="FFFF0000"/>
      <name val="ＭＳ Ｐゴシック"/>
      <family val="3"/>
      <charset val="128"/>
    </font>
    <font>
      <sz val="10"/>
      <color rgb="FFFF0000"/>
      <name val="Arial"/>
      <family val="2"/>
    </font>
    <font>
      <sz val="12"/>
      <color rgb="FFFF0000"/>
      <name val="ＭＳ Ｐゴシック"/>
      <family val="3"/>
      <charset val="128"/>
    </font>
    <font>
      <sz val="10"/>
      <name val="ＭＳ ゴシック"/>
      <family val="3"/>
      <charset val="128"/>
    </font>
    <font>
      <sz val="10"/>
      <name val="Yu Gothic"/>
      <family val="2"/>
      <charset val="128"/>
    </font>
    <font>
      <sz val="10"/>
      <name val="Arial Unicode MS"/>
      <family val="3"/>
      <charset val="128"/>
    </font>
    <font>
      <sz val="8"/>
      <name val="ＭＳ Ｐゴシック"/>
      <family val="3"/>
      <charset val="128"/>
    </font>
    <font>
      <sz val="14"/>
      <color rgb="FFFF0000"/>
      <name val="Arial"/>
      <family val="2"/>
    </font>
    <font>
      <sz val="12"/>
      <name val="Arial"/>
      <family val="2"/>
    </font>
    <font>
      <sz val="15.5"/>
      <name val="Arial"/>
      <family val="2"/>
    </font>
    <font>
      <b/>
      <sz val="15.5"/>
      <name val="Arial"/>
      <family val="2"/>
    </font>
    <font>
      <sz val="11"/>
      <color theme="0"/>
      <name val="Arial"/>
      <family val="2"/>
    </font>
    <font>
      <strike/>
      <sz val="11"/>
      <name val="Arial"/>
      <family val="2"/>
    </font>
    <font>
      <strike/>
      <sz val="9"/>
      <name val="Arial"/>
      <family val="2"/>
    </font>
    <font>
      <sz val="10"/>
      <name val="ＭＳ Ｐゴシック"/>
      <family val="3"/>
      <charset val="128"/>
      <scheme val="minor"/>
    </font>
    <font>
      <sz val="10"/>
      <name val="ＭＳ ゴシック"/>
      <family val="2"/>
      <charset val="128"/>
    </font>
    <font>
      <sz val="11"/>
      <name val="ＭＳ Ｐゴシック"/>
      <family val="3"/>
      <charset val="128"/>
      <scheme val="minor"/>
    </font>
    <font>
      <sz val="9"/>
      <name val="ＭＳ Ｐゴシック"/>
      <family val="2"/>
      <charset val="128"/>
    </font>
    <font>
      <sz val="10"/>
      <name val="Arial"/>
      <family val="3"/>
    </font>
    <font>
      <sz val="10"/>
      <name val="Arial"/>
      <family val="3"/>
      <charset val="128"/>
    </font>
    <font>
      <sz val="11"/>
      <name val="Arial"/>
      <family val="3"/>
    </font>
    <font>
      <sz val="11"/>
      <name val="ＭＳ Ｐゴシック"/>
      <family val="2"/>
      <charset val="128"/>
    </font>
    <font>
      <sz val="10.5"/>
      <name val="Arial"/>
      <family val="3"/>
    </font>
    <font>
      <b/>
      <u/>
      <sz val="10"/>
      <name val="Arial"/>
      <family val="3"/>
    </font>
    <font>
      <b/>
      <u/>
      <sz val="10"/>
      <name val="Arial"/>
      <family val="3"/>
      <charset val="128"/>
    </font>
    <font>
      <b/>
      <u/>
      <sz val="10"/>
      <color theme="1"/>
      <name val="Arial"/>
      <family val="3"/>
      <charset val="128"/>
    </font>
    <font>
      <b/>
      <u/>
      <sz val="10"/>
      <color theme="1"/>
      <name val="Arial"/>
      <family val="3"/>
    </font>
    <font>
      <b/>
      <sz val="20"/>
      <name val="ＭＳ Ｐゴシック"/>
      <family val="2"/>
      <charset val="128"/>
    </font>
    <font>
      <b/>
      <sz val="11"/>
      <name val="Arial"/>
      <family val="3"/>
    </font>
    <font>
      <b/>
      <sz val="11"/>
      <color theme="1"/>
      <name val="Arial"/>
      <family val="3"/>
    </font>
    <font>
      <b/>
      <sz val="11"/>
      <color theme="1"/>
      <name val="Arial"/>
      <family val="3"/>
      <charset val="128"/>
    </font>
    <font>
      <b/>
      <u/>
      <sz val="11"/>
      <name val="Arial"/>
      <family val="3"/>
    </font>
    <font>
      <b/>
      <sz val="8"/>
      <name val="Arial"/>
      <family val="3"/>
    </font>
    <font>
      <sz val="11"/>
      <color theme="1"/>
      <name val="Arial"/>
      <family val="3"/>
    </font>
    <font>
      <sz val="11"/>
      <color theme="1"/>
      <name val="Arial"/>
      <family val="3"/>
      <charset val="128"/>
    </font>
    <font>
      <sz val="10"/>
      <name val="ＭＳ Ｐゴシック"/>
      <family val="2"/>
      <charset val="128"/>
    </font>
    <font>
      <sz val="10"/>
      <name val="MS UI Gothic"/>
      <family val="2"/>
      <charset val="1"/>
    </font>
    <font>
      <sz val="10"/>
      <name val="Arial"/>
      <family val="2"/>
      <charset val="1"/>
    </font>
    <font>
      <b/>
      <sz val="11"/>
      <name val="Arial"/>
      <family val="3"/>
      <charset val="128"/>
    </font>
  </fonts>
  <fills count="6">
    <fill>
      <patternFill patternType="none"/>
    </fill>
    <fill>
      <patternFill patternType="gray125"/>
    </fill>
    <fill>
      <patternFill patternType="solid">
        <fgColor theme="1" tint="0.499984740745262"/>
        <bgColor indexed="64"/>
      </patternFill>
    </fill>
    <fill>
      <patternFill patternType="solid">
        <fgColor theme="0" tint="-0.14999847407452621"/>
        <bgColor indexed="64"/>
      </patternFill>
    </fill>
    <fill>
      <patternFill patternType="solid">
        <fgColor theme="0"/>
        <bgColor indexed="64"/>
      </patternFill>
    </fill>
    <fill>
      <patternFill patternType="solid">
        <fgColor theme="0" tint="-0.499984740745262"/>
        <bgColor indexed="64"/>
      </patternFill>
    </fill>
  </fills>
  <borders count="79">
    <border>
      <left/>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double">
        <color indexed="64"/>
      </top>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style="thin">
        <color indexed="64"/>
      </left>
      <right style="thin">
        <color indexed="64"/>
      </right>
      <top/>
      <bottom style="double">
        <color indexed="64"/>
      </bottom>
      <diagonal/>
    </border>
    <border>
      <left/>
      <right style="thin">
        <color indexed="64"/>
      </right>
      <top/>
      <bottom style="double">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right style="thin">
        <color indexed="64"/>
      </right>
      <top style="double">
        <color indexed="64"/>
      </top>
      <bottom style="thin">
        <color indexed="64"/>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right style="thin">
        <color indexed="64"/>
      </right>
      <top style="thin">
        <color indexed="64"/>
      </top>
      <bottom style="hair">
        <color indexed="64"/>
      </bottom>
      <diagonal/>
    </border>
    <border>
      <left style="thin">
        <color indexed="64"/>
      </left>
      <right style="thin">
        <color indexed="64"/>
      </right>
      <top/>
      <bottom style="hair">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hair">
        <color indexed="64"/>
      </top>
      <bottom style="hair">
        <color indexed="64"/>
      </bottom>
      <diagonal/>
    </border>
    <border>
      <left style="thin">
        <color indexed="64"/>
      </left>
      <right/>
      <top style="hair">
        <color indexed="64"/>
      </top>
      <bottom/>
      <diagonal/>
    </border>
    <border>
      <left style="thin">
        <color indexed="64"/>
      </left>
      <right/>
      <top/>
      <bottom style="hair">
        <color indexed="64"/>
      </bottom>
      <diagonal/>
    </border>
    <border>
      <left style="thin">
        <color indexed="64"/>
      </left>
      <right/>
      <top style="hair">
        <color indexed="64"/>
      </top>
      <bottom style="thin">
        <color indexed="64"/>
      </bottom>
      <diagonal/>
    </border>
    <border>
      <left style="thin">
        <color indexed="64"/>
      </left>
      <right style="thin">
        <color indexed="64"/>
      </right>
      <top style="dotted">
        <color indexed="64"/>
      </top>
      <bottom style="dotted">
        <color indexed="64"/>
      </bottom>
      <diagonal/>
    </border>
    <border>
      <left style="thin">
        <color auto="1"/>
      </left>
      <right style="thin">
        <color auto="1"/>
      </right>
      <top style="dotted">
        <color auto="1"/>
      </top>
      <bottom style="thin">
        <color auto="1"/>
      </bottom>
      <diagonal/>
    </border>
    <border>
      <left style="thin">
        <color auto="1"/>
      </left>
      <right style="thin">
        <color auto="1"/>
      </right>
      <top style="thin">
        <color auto="1"/>
      </top>
      <bottom style="dotted">
        <color auto="1"/>
      </bottom>
      <diagonal/>
    </border>
    <border>
      <left style="thin">
        <color indexed="64"/>
      </left>
      <right style="thin">
        <color indexed="64"/>
      </right>
      <top style="dotted">
        <color indexed="64"/>
      </top>
      <bottom/>
      <diagonal/>
    </border>
  </borders>
  <cellStyleXfs count="12">
    <xf numFmtId="0" fontId="0" fillId="0" borderId="0">
      <alignment vertical="center"/>
    </xf>
    <xf numFmtId="0" fontId="8" fillId="0" borderId="0"/>
    <xf numFmtId="0" fontId="9" fillId="0" borderId="0">
      <alignment vertical="center"/>
    </xf>
    <xf numFmtId="0" fontId="9" fillId="0" borderId="0">
      <alignment vertical="center"/>
    </xf>
    <xf numFmtId="0" fontId="6" fillId="0" borderId="0">
      <alignment vertical="center"/>
    </xf>
    <xf numFmtId="0" fontId="5" fillId="0" borderId="0">
      <alignment vertical="center"/>
    </xf>
    <xf numFmtId="0" fontId="4" fillId="0" borderId="0">
      <alignment vertical="center"/>
    </xf>
    <xf numFmtId="0" fontId="11" fillId="0" borderId="0">
      <alignment vertical="center" wrapText="1"/>
    </xf>
    <xf numFmtId="0" fontId="3" fillId="0" borderId="0">
      <alignment vertical="center"/>
    </xf>
    <xf numFmtId="0" fontId="53" fillId="0" borderId="0">
      <alignment vertical="center"/>
    </xf>
    <xf numFmtId="0" fontId="2" fillId="0" borderId="0">
      <alignment vertical="center"/>
    </xf>
    <xf numFmtId="0" fontId="1" fillId="0" borderId="0">
      <alignment vertical="center"/>
    </xf>
  </cellStyleXfs>
  <cellXfs count="954">
    <xf numFmtId="0" fontId="0" fillId="0" borderId="0" xfId="0">
      <alignment vertical="center"/>
    </xf>
    <xf numFmtId="0" fontId="11" fillId="0" borderId="0" xfId="6" applyFont="1" applyBorder="1">
      <alignment vertical="center"/>
    </xf>
    <xf numFmtId="0" fontId="11" fillId="0" borderId="0" xfId="6" applyFont="1" applyBorder="1" applyAlignment="1">
      <alignment horizontal="center" vertical="center"/>
    </xf>
    <xf numFmtId="0" fontId="11" fillId="0" borderId="0" xfId="6" applyFont="1" applyBorder="1" applyAlignment="1">
      <alignment vertical="center" wrapText="1"/>
    </xf>
    <xf numFmtId="0" fontId="11" fillId="0" borderId="10" xfId="6" applyFont="1" applyBorder="1" applyAlignment="1">
      <alignment horizontal="center" vertical="center"/>
    </xf>
    <xf numFmtId="0" fontId="11" fillId="0" borderId="10" xfId="6" applyFont="1" applyBorder="1" applyAlignment="1">
      <alignment vertical="center" wrapText="1"/>
    </xf>
    <xf numFmtId="0" fontId="11" fillId="0" borderId="0" xfId="0" applyFont="1">
      <alignment vertical="center"/>
    </xf>
    <xf numFmtId="0" fontId="12" fillId="0" borderId="0" xfId="0" applyFont="1">
      <alignment vertical="center"/>
    </xf>
    <xf numFmtId="0" fontId="13" fillId="0" borderId="0" xfId="0" applyFont="1" applyFill="1" applyAlignment="1">
      <alignment horizontal="left" vertical="center"/>
    </xf>
    <xf numFmtId="0" fontId="13" fillId="0" borderId="0" xfId="0" applyFont="1" applyFill="1" applyAlignment="1">
      <alignment horizontal="right" vertical="center" shrinkToFit="1"/>
    </xf>
    <xf numFmtId="0" fontId="12" fillId="0" borderId="0" xfId="6" applyFont="1" applyBorder="1">
      <alignment vertical="center"/>
    </xf>
    <xf numFmtId="0" fontId="15" fillId="0" borderId="0" xfId="0" applyFont="1" applyFill="1" applyAlignment="1">
      <alignment horizontal="left" vertical="center"/>
    </xf>
    <xf numFmtId="0" fontId="17" fillId="0" borderId="0" xfId="0" applyFont="1" applyFill="1" applyAlignment="1">
      <alignment horizontal="left" vertical="center"/>
    </xf>
    <xf numFmtId="0" fontId="12" fillId="0" borderId="0" xfId="6" applyFont="1" applyBorder="1" applyAlignment="1">
      <alignment horizontal="left" vertical="center" indent="1"/>
    </xf>
    <xf numFmtId="0" fontId="11" fillId="0" borderId="10" xfId="6" applyFont="1" applyBorder="1" applyAlignment="1">
      <alignment horizontal="right" vertical="center" wrapText="1"/>
    </xf>
    <xf numFmtId="0" fontId="11" fillId="0" borderId="12" xfId="6" applyFont="1" applyBorder="1" applyAlignment="1">
      <alignment horizontal="center" vertical="center"/>
    </xf>
    <xf numFmtId="0" fontId="11" fillId="0" borderId="12" xfId="6" applyFont="1" applyBorder="1" applyAlignment="1">
      <alignment vertical="center" wrapText="1"/>
    </xf>
    <xf numFmtId="0" fontId="11" fillId="0" borderId="12" xfId="6" applyFont="1" applyBorder="1" applyAlignment="1">
      <alignment horizontal="right" vertical="center" wrapText="1"/>
    </xf>
    <xf numFmtId="0" fontId="12" fillId="0" borderId="0" xfId="0" applyFont="1" applyBorder="1">
      <alignment vertical="center"/>
    </xf>
    <xf numFmtId="0" fontId="11" fillId="0" borderId="0" xfId="0" applyFont="1" applyBorder="1">
      <alignment vertical="center"/>
    </xf>
    <xf numFmtId="177" fontId="11" fillId="0" borderId="0" xfId="0" applyNumberFormat="1" applyFont="1" applyFill="1" applyBorder="1" applyAlignment="1">
      <alignment horizontal="center" vertical="center"/>
    </xf>
    <xf numFmtId="0" fontId="11" fillId="0" borderId="0" xfId="0" applyFont="1" applyBorder="1" applyAlignment="1">
      <alignment vertical="center" wrapText="1"/>
    </xf>
    <xf numFmtId="0" fontId="11" fillId="0" borderId="4" xfId="0" applyFont="1" applyBorder="1">
      <alignment vertical="center"/>
    </xf>
    <xf numFmtId="177" fontId="11" fillId="0" borderId="10" xfId="0" applyNumberFormat="1" applyFont="1" applyFill="1" applyBorder="1" applyAlignment="1">
      <alignment horizontal="center" vertical="center"/>
    </xf>
    <xf numFmtId="0" fontId="11" fillId="0" borderId="10" xfId="0" applyFont="1" applyBorder="1" applyAlignment="1">
      <alignment vertical="center" wrapText="1"/>
    </xf>
    <xf numFmtId="0" fontId="11" fillId="0" borderId="2" xfId="0" applyFont="1" applyBorder="1">
      <alignment vertical="center"/>
    </xf>
    <xf numFmtId="177" fontId="11" fillId="0" borderId="12" xfId="0" applyNumberFormat="1" applyFont="1" applyFill="1" applyBorder="1" applyAlignment="1">
      <alignment horizontal="center" vertical="center"/>
    </xf>
    <xf numFmtId="0" fontId="11" fillId="0" borderId="3" xfId="0" applyFont="1" applyBorder="1" applyAlignment="1">
      <alignment vertical="center" wrapText="1"/>
    </xf>
    <xf numFmtId="0" fontId="11" fillId="0" borderId="1" xfId="0" applyFont="1" applyBorder="1" applyAlignment="1">
      <alignment vertical="center" wrapText="1"/>
    </xf>
    <xf numFmtId="0" fontId="16" fillId="0" borderId="0" xfId="0" applyFont="1" applyBorder="1">
      <alignment vertical="center"/>
    </xf>
    <xf numFmtId="0" fontId="11" fillId="0" borderId="0" xfId="0" applyFont="1" applyBorder="1" applyAlignment="1">
      <alignment horizontal="center" vertical="center"/>
    </xf>
    <xf numFmtId="0" fontId="28" fillId="2" borderId="10" xfId="0" applyFont="1" applyFill="1" applyBorder="1" applyAlignment="1">
      <alignment horizontal="center" vertical="center"/>
    </xf>
    <xf numFmtId="0" fontId="11" fillId="0" borderId="12" xfId="0" applyFont="1" applyBorder="1" applyAlignment="1">
      <alignment horizontal="center" vertical="center"/>
    </xf>
    <xf numFmtId="0" fontId="11" fillId="0" borderId="10" xfId="0" applyFont="1" applyBorder="1" applyAlignment="1">
      <alignment horizontal="center" vertical="center"/>
    </xf>
    <xf numFmtId="0" fontId="28" fillId="2" borderId="12" xfId="0" applyFont="1" applyFill="1" applyBorder="1" applyAlignment="1">
      <alignment horizontal="center" vertical="center"/>
    </xf>
    <xf numFmtId="0" fontId="11" fillId="0" borderId="1" xfId="0" applyFont="1" applyBorder="1" applyAlignment="1">
      <alignment horizontal="center" vertical="center"/>
    </xf>
    <xf numFmtId="0" fontId="11" fillId="0" borderId="3" xfId="0" applyFont="1" applyBorder="1" applyAlignment="1">
      <alignment horizontal="center" vertical="center"/>
    </xf>
    <xf numFmtId="0" fontId="13" fillId="0" borderId="0" xfId="0" applyNumberFormat="1" applyFont="1" applyFill="1" applyBorder="1" applyAlignment="1" applyProtection="1">
      <alignment horizontal="right" vertical="center"/>
    </xf>
    <xf numFmtId="0" fontId="13" fillId="0" borderId="0" xfId="0" applyNumberFormat="1" applyFont="1" applyFill="1" applyBorder="1" applyAlignment="1" applyProtection="1">
      <alignment horizontal="center" vertical="center"/>
    </xf>
    <xf numFmtId="0" fontId="13" fillId="0" borderId="10" xfId="6" applyFont="1" applyBorder="1" applyAlignment="1">
      <alignment vertical="center" wrapText="1"/>
    </xf>
    <xf numFmtId="0" fontId="11" fillId="0" borderId="12" xfId="0" applyFont="1" applyBorder="1" applyAlignment="1">
      <alignment horizontal="right" vertical="center" wrapText="1"/>
    </xf>
    <xf numFmtId="0" fontId="32" fillId="0" borderId="0" xfId="0" applyFont="1">
      <alignment vertical="center"/>
    </xf>
    <xf numFmtId="0" fontId="33" fillId="0" borderId="0" xfId="0" applyFont="1" applyFill="1" applyAlignment="1">
      <alignment horizontal="left" vertical="center"/>
    </xf>
    <xf numFmtId="0" fontId="34" fillId="0" borderId="0" xfId="0" applyFont="1">
      <alignment vertical="center"/>
    </xf>
    <xf numFmtId="0" fontId="31" fillId="0" borderId="0" xfId="0" applyFont="1">
      <alignment vertical="center"/>
    </xf>
    <xf numFmtId="0" fontId="35" fillId="0" borderId="0" xfId="0" applyFont="1">
      <alignment vertical="center"/>
    </xf>
    <xf numFmtId="0" fontId="30" fillId="0" borderId="0" xfId="0" applyFont="1" applyFill="1" applyAlignment="1">
      <alignment horizontal="left" vertical="center"/>
    </xf>
    <xf numFmtId="0" fontId="33" fillId="0" borderId="0" xfId="0" applyFont="1" applyFill="1" applyAlignment="1">
      <alignment vertical="center"/>
    </xf>
    <xf numFmtId="0" fontId="36" fillId="0" borderId="0" xfId="0" applyFont="1" applyFill="1" applyAlignment="1">
      <alignment horizontal="left" vertical="center"/>
    </xf>
    <xf numFmtId="0" fontId="33" fillId="0" borderId="0" xfId="0" applyFont="1" applyFill="1" applyAlignment="1">
      <alignment horizontal="left" vertical="center" indent="1"/>
    </xf>
    <xf numFmtId="0" fontId="35" fillId="0" borderId="0" xfId="6" applyFont="1" applyBorder="1">
      <alignment vertical="center"/>
    </xf>
    <xf numFmtId="0" fontId="32" fillId="0" borderId="0" xfId="0" applyFont="1" applyBorder="1">
      <alignment vertical="center"/>
    </xf>
    <xf numFmtId="0" fontId="37" fillId="0" borderId="0" xfId="6" applyFont="1" applyBorder="1">
      <alignment vertical="center"/>
    </xf>
    <xf numFmtId="0" fontId="31" fillId="0" borderId="0" xfId="6" applyFont="1" applyBorder="1">
      <alignment vertical="center"/>
    </xf>
    <xf numFmtId="0" fontId="31" fillId="0" borderId="0" xfId="6" applyFont="1" applyBorder="1" applyAlignment="1">
      <alignment horizontal="center" vertical="center"/>
    </xf>
    <xf numFmtId="0" fontId="31" fillId="0" borderId="0" xfId="6" applyFont="1" applyBorder="1" applyAlignment="1">
      <alignment vertical="center" wrapText="1"/>
    </xf>
    <xf numFmtId="0" fontId="35" fillId="0" borderId="0" xfId="6" applyFont="1" applyAlignment="1">
      <alignment horizontal="center" vertical="center"/>
    </xf>
    <xf numFmtId="0" fontId="37" fillId="0" borderId="0" xfId="6" applyFont="1" applyAlignment="1">
      <alignment horizontal="center" vertical="center"/>
    </xf>
    <xf numFmtId="0" fontId="31" fillId="0" borderId="0" xfId="6" applyFont="1" applyAlignment="1">
      <alignment horizontal="center" vertical="center"/>
    </xf>
    <xf numFmtId="0" fontId="31" fillId="0" borderId="13" xfId="6" applyFont="1" applyBorder="1" applyAlignment="1">
      <alignment horizontal="center" vertical="center"/>
    </xf>
    <xf numFmtId="0" fontId="31" fillId="0" borderId="13" xfId="6" applyFont="1" applyBorder="1" applyAlignment="1">
      <alignment horizontal="center" vertical="center" wrapText="1"/>
    </xf>
    <xf numFmtId="0" fontId="33" fillId="0" borderId="13" xfId="0" applyNumberFormat="1" applyFont="1" applyFill="1" applyBorder="1" applyAlignment="1">
      <alignment horizontal="center" vertical="center"/>
    </xf>
    <xf numFmtId="0" fontId="32" fillId="0" borderId="0" xfId="0" applyFont="1" applyAlignment="1">
      <alignment horizontal="center" vertical="center"/>
    </xf>
    <xf numFmtId="0" fontId="35" fillId="0" borderId="0" xfId="6" applyFont="1">
      <alignment vertical="center"/>
    </xf>
    <xf numFmtId="0" fontId="37" fillId="0" borderId="0" xfId="6" applyFont="1">
      <alignment vertical="center"/>
    </xf>
    <xf numFmtId="0" fontId="31" fillId="0" borderId="0" xfId="6" applyFont="1">
      <alignment vertical="center"/>
    </xf>
    <xf numFmtId="0" fontId="31" fillId="0" borderId="12" xfId="6" applyFont="1" applyBorder="1" applyAlignment="1">
      <alignment horizontal="center" vertical="center"/>
    </xf>
    <xf numFmtId="0" fontId="31" fillId="0" borderId="12" xfId="6" applyFont="1" applyBorder="1" applyAlignment="1">
      <alignment vertical="center" wrapText="1"/>
    </xf>
    <xf numFmtId="0" fontId="31" fillId="0" borderId="11" xfId="6" applyFont="1" applyBorder="1" applyAlignment="1">
      <alignment horizontal="center" vertical="center"/>
    </xf>
    <xf numFmtId="0" fontId="31" fillId="0" borderId="11" xfId="6" applyFont="1" applyBorder="1" applyAlignment="1">
      <alignment vertical="center" wrapText="1"/>
    </xf>
    <xf numFmtId="0" fontId="33" fillId="0" borderId="11" xfId="6" applyFont="1" applyBorder="1" applyAlignment="1">
      <alignment vertical="center" wrapText="1"/>
    </xf>
    <xf numFmtId="0" fontId="31" fillId="0" borderId="12" xfId="6" applyFont="1" applyBorder="1" applyAlignment="1">
      <alignment horizontal="right" vertical="center" wrapText="1"/>
    </xf>
    <xf numFmtId="0" fontId="35" fillId="0" borderId="0" xfId="0" applyFont="1" applyBorder="1">
      <alignment vertical="center"/>
    </xf>
    <xf numFmtId="0" fontId="34" fillId="0" borderId="0" xfId="0" applyFont="1" applyBorder="1">
      <alignment vertical="center"/>
    </xf>
    <xf numFmtId="0" fontId="37" fillId="0" borderId="0" xfId="0" applyFont="1" applyBorder="1">
      <alignment vertical="center"/>
    </xf>
    <xf numFmtId="0" fontId="31" fillId="0" borderId="0" xfId="0" applyFont="1" applyBorder="1" applyAlignment="1">
      <alignment horizontal="center" vertical="center"/>
    </xf>
    <xf numFmtId="0" fontId="31" fillId="0" borderId="0" xfId="0" applyFont="1" applyBorder="1">
      <alignment vertical="center"/>
    </xf>
    <xf numFmtId="177" fontId="31" fillId="0" borderId="0" xfId="0" applyNumberFormat="1" applyFont="1" applyFill="1" applyBorder="1" applyAlignment="1">
      <alignment horizontal="center" vertical="center"/>
    </xf>
    <xf numFmtId="0" fontId="31" fillId="0" borderId="0" xfId="0" applyFont="1" applyBorder="1" applyAlignment="1">
      <alignment vertical="center" wrapText="1"/>
    </xf>
    <xf numFmtId="177" fontId="31" fillId="0" borderId="13" xfId="0" applyNumberFormat="1" applyFont="1" applyFill="1" applyBorder="1" applyAlignment="1">
      <alignment horizontal="center" vertical="center"/>
    </xf>
    <xf numFmtId="0" fontId="31" fillId="0" borderId="13" xfId="0" applyFont="1" applyBorder="1" applyAlignment="1">
      <alignment vertical="center" wrapText="1"/>
    </xf>
    <xf numFmtId="0" fontId="31" fillId="0" borderId="13" xfId="0" applyFont="1" applyBorder="1" applyAlignment="1">
      <alignment horizontal="center" vertical="center" wrapText="1"/>
    </xf>
    <xf numFmtId="0" fontId="33" fillId="0" borderId="13" xfId="0" applyFont="1" applyFill="1" applyBorder="1" applyAlignment="1">
      <alignment horizontal="center" vertical="center" wrapText="1" shrinkToFit="1"/>
    </xf>
    <xf numFmtId="0" fontId="31" fillId="0" borderId="1" xfId="0" applyFont="1" applyBorder="1" applyAlignment="1">
      <alignment horizontal="center" vertical="center"/>
    </xf>
    <xf numFmtId="0" fontId="31" fillId="0" borderId="18" xfId="0" applyFont="1" applyBorder="1">
      <alignment vertical="center"/>
    </xf>
    <xf numFmtId="0" fontId="31" fillId="0" borderId="2" xfId="0" applyFont="1" applyBorder="1">
      <alignment vertical="center"/>
    </xf>
    <xf numFmtId="0" fontId="38" fillId="2" borderId="11" xfId="0" applyFont="1" applyFill="1" applyBorder="1" applyAlignment="1">
      <alignment horizontal="center" vertical="center"/>
    </xf>
    <xf numFmtId="177" fontId="31" fillId="0" borderId="11" xfId="0" applyNumberFormat="1" applyFont="1" applyFill="1" applyBorder="1" applyAlignment="1">
      <alignment horizontal="center" vertical="center"/>
    </xf>
    <xf numFmtId="0" fontId="31" fillId="0" borderId="11" xfId="0" applyFont="1" applyBorder="1" applyAlignment="1">
      <alignment vertical="center" wrapText="1"/>
    </xf>
    <xf numFmtId="0" fontId="31" fillId="0" borderId="6" xfId="0" applyFont="1" applyBorder="1" applyAlignment="1">
      <alignment horizontal="center" vertical="center"/>
    </xf>
    <xf numFmtId="0" fontId="31" fillId="0" borderId="3" xfId="0" applyFont="1" applyBorder="1" applyAlignment="1">
      <alignment horizontal="center" vertical="center"/>
    </xf>
    <xf numFmtId="0" fontId="31" fillId="0" borderId="11" xfId="0" applyFont="1" applyBorder="1" applyAlignment="1">
      <alignment horizontal="center" vertical="center"/>
    </xf>
    <xf numFmtId="0" fontId="31" fillId="0" borderId="12" xfId="0" applyFont="1" applyBorder="1" applyAlignment="1">
      <alignment horizontal="center" vertical="center"/>
    </xf>
    <xf numFmtId="0" fontId="31" fillId="0" borderId="8" xfId="0" applyFont="1" applyBorder="1">
      <alignment vertical="center"/>
    </xf>
    <xf numFmtId="0" fontId="31" fillId="0" borderId="8" xfId="0" applyFont="1" applyBorder="1" applyAlignment="1">
      <alignment horizontal="center" vertical="center"/>
    </xf>
    <xf numFmtId="177" fontId="31" fillId="0" borderId="8" xfId="0" applyNumberFormat="1" applyFont="1" applyFill="1" applyBorder="1" applyAlignment="1">
      <alignment horizontal="center" vertical="center"/>
    </xf>
    <xf numFmtId="0" fontId="31" fillId="0" borderId="8" xfId="0" applyFont="1" applyBorder="1" applyAlignment="1">
      <alignment vertical="center" wrapText="1"/>
    </xf>
    <xf numFmtId="0" fontId="31" fillId="0" borderId="14" xfId="0" applyFont="1" applyBorder="1">
      <alignment vertical="center"/>
    </xf>
    <xf numFmtId="0" fontId="31" fillId="0" borderId="4" xfId="0" applyFont="1" applyBorder="1">
      <alignment vertical="center"/>
    </xf>
    <xf numFmtId="0" fontId="38" fillId="2" borderId="12" xfId="0" applyFont="1" applyFill="1" applyBorder="1" applyAlignment="1">
      <alignment horizontal="center" vertical="center"/>
    </xf>
    <xf numFmtId="0" fontId="33" fillId="0" borderId="14" xfId="0" applyFont="1" applyFill="1" applyBorder="1" applyAlignment="1" applyProtection="1">
      <alignment horizontal="center" vertical="center"/>
    </xf>
    <xf numFmtId="177" fontId="31" fillId="0" borderId="12" xfId="0" applyNumberFormat="1" applyFont="1" applyFill="1" applyBorder="1" applyAlignment="1">
      <alignment horizontal="center" vertical="center"/>
    </xf>
    <xf numFmtId="0" fontId="33" fillId="0" borderId="4" xfId="0" applyFont="1" applyFill="1" applyBorder="1" applyAlignment="1" applyProtection="1">
      <alignment horizontal="center" vertical="center"/>
    </xf>
    <xf numFmtId="0" fontId="31" fillId="0" borderId="10" xfId="0" applyFont="1" applyBorder="1" applyAlignment="1">
      <alignment horizontal="center" vertical="center"/>
    </xf>
    <xf numFmtId="0" fontId="31" fillId="0" borderId="11" xfId="0" applyFont="1" applyBorder="1" applyAlignment="1">
      <alignment horizontal="right" vertical="center" wrapText="1"/>
    </xf>
    <xf numFmtId="0" fontId="31" fillId="0" borderId="12" xfId="0" applyFont="1" applyBorder="1" applyAlignment="1">
      <alignment horizontal="right" vertical="center" wrapText="1"/>
    </xf>
    <xf numFmtId="0" fontId="31" fillId="0" borderId="10" xfId="0" applyFont="1" applyBorder="1">
      <alignment vertical="center"/>
    </xf>
    <xf numFmtId="0" fontId="31" fillId="0" borderId="5" xfId="0" applyFont="1" applyBorder="1">
      <alignment vertical="center"/>
    </xf>
    <xf numFmtId="0" fontId="31" fillId="0" borderId="15" xfId="0" applyFont="1" applyBorder="1" applyAlignment="1">
      <alignment vertical="center" wrapText="1"/>
    </xf>
    <xf numFmtId="0" fontId="33" fillId="0" borderId="14" xfId="0" applyFont="1" applyFill="1" applyBorder="1" applyAlignment="1">
      <alignment horizontal="center" vertical="center"/>
    </xf>
    <xf numFmtId="0" fontId="31" fillId="0" borderId="6" xfId="0" applyFont="1" applyBorder="1" applyAlignment="1">
      <alignment vertical="center" wrapText="1"/>
    </xf>
    <xf numFmtId="0" fontId="31" fillId="0" borderId="6" xfId="0" applyFont="1" applyBorder="1" applyAlignment="1">
      <alignment horizontal="left" vertical="center" wrapText="1" indent="1"/>
    </xf>
    <xf numFmtId="0" fontId="33" fillId="0" borderId="0" xfId="0" applyFont="1" applyFill="1" applyBorder="1" applyAlignment="1" applyProtection="1">
      <alignment horizontal="center" vertical="center"/>
    </xf>
    <xf numFmtId="0" fontId="33" fillId="0" borderId="11" xfId="0" applyFont="1" applyFill="1" applyBorder="1" applyAlignment="1">
      <alignment horizontal="center" vertical="center"/>
    </xf>
    <xf numFmtId="0" fontId="11" fillId="0" borderId="0" xfId="7" applyFont="1">
      <alignment vertical="center" wrapText="1"/>
    </xf>
    <xf numFmtId="0" fontId="33" fillId="0" borderId="0" xfId="0" applyFont="1" applyFill="1" applyAlignment="1">
      <alignment horizontal="left" vertical="center" indent="7"/>
    </xf>
    <xf numFmtId="0" fontId="33" fillId="0" borderId="0" xfId="2" applyFont="1" applyFill="1" applyAlignment="1" applyProtection="1">
      <alignment horizontal="left" vertical="center" indent="7"/>
    </xf>
    <xf numFmtId="0" fontId="8" fillId="3" borderId="19" xfId="0" applyFont="1" applyFill="1" applyBorder="1" applyAlignment="1">
      <alignment horizontal="center" vertical="center" wrapText="1"/>
    </xf>
    <xf numFmtId="0" fontId="32" fillId="0" borderId="0" xfId="0" applyFont="1" applyBorder="1" applyAlignment="1">
      <alignment vertical="center" wrapText="1"/>
    </xf>
    <xf numFmtId="0" fontId="32" fillId="0" borderId="1" xfId="0" applyFont="1" applyBorder="1">
      <alignment vertical="center"/>
    </xf>
    <xf numFmtId="0" fontId="29" fillId="0" borderId="0" xfId="0" applyFont="1" applyBorder="1" applyAlignment="1">
      <alignment horizontal="right" vertical="center"/>
    </xf>
    <xf numFmtId="176" fontId="33" fillId="0" borderId="5" xfId="0" applyNumberFormat="1" applyFont="1" applyFill="1" applyBorder="1" applyAlignment="1" applyProtection="1">
      <alignment horizontal="left" vertical="center" shrinkToFit="1"/>
      <protection locked="0"/>
    </xf>
    <xf numFmtId="0" fontId="33" fillId="0" borderId="5" xfId="0" applyFont="1" applyFill="1" applyBorder="1" applyAlignment="1" applyProtection="1">
      <alignment horizontal="left" vertical="center" shrinkToFit="1"/>
      <protection locked="0"/>
    </xf>
    <xf numFmtId="0" fontId="32" fillId="0" borderId="0" xfId="0" applyFont="1" applyBorder="1" applyAlignment="1">
      <alignment horizontal="center" vertical="center" wrapText="1"/>
    </xf>
    <xf numFmtId="0" fontId="32" fillId="0" borderId="21" xfId="0" applyFont="1" applyBorder="1" applyAlignment="1">
      <alignment horizontal="center" vertical="center" wrapText="1"/>
    </xf>
    <xf numFmtId="0" fontId="31" fillId="0" borderId="11" xfId="0" applyFont="1" applyBorder="1" applyAlignment="1">
      <alignment horizontal="center" vertical="center" wrapText="1"/>
    </xf>
    <xf numFmtId="0" fontId="8" fillId="0" borderId="0" xfId="0" applyFont="1">
      <alignment vertical="center"/>
    </xf>
    <xf numFmtId="0" fontId="8" fillId="0" borderId="0" xfId="0" applyFont="1" applyBorder="1">
      <alignment vertical="center"/>
    </xf>
    <xf numFmtId="0" fontId="8" fillId="0" borderId="0" xfId="0" applyFont="1" applyBorder="1" applyAlignment="1">
      <alignment vertical="center" wrapText="1"/>
    </xf>
    <xf numFmtId="0" fontId="42" fillId="0" borderId="0" xfId="0" applyFont="1" applyBorder="1">
      <alignment vertical="center"/>
    </xf>
    <xf numFmtId="0" fontId="8" fillId="3" borderId="13" xfId="0" applyFont="1" applyFill="1" applyBorder="1" applyAlignment="1">
      <alignment horizontal="center" vertical="center"/>
    </xf>
    <xf numFmtId="0" fontId="8" fillId="3" borderId="17" xfId="0" applyFont="1" applyFill="1" applyBorder="1" applyAlignment="1">
      <alignment horizontal="center" vertical="center"/>
    </xf>
    <xf numFmtId="0" fontId="8" fillId="3" borderId="17" xfId="0" applyFont="1" applyFill="1" applyBorder="1" applyAlignment="1">
      <alignment horizontal="center" vertical="center" wrapText="1"/>
    </xf>
    <xf numFmtId="0" fontId="8" fillId="0" borderId="23" xfId="0" applyFont="1" applyFill="1" applyBorder="1" applyAlignment="1">
      <alignment vertical="center" wrapText="1"/>
    </xf>
    <xf numFmtId="0" fontId="8" fillId="0" borderId="29" xfId="0" applyFont="1" applyFill="1" applyBorder="1" applyAlignment="1">
      <alignment vertical="center" wrapText="1"/>
    </xf>
    <xf numFmtId="0" fontId="8" fillId="0" borderId="22" xfId="1" applyFont="1" applyFill="1" applyBorder="1" applyAlignment="1">
      <alignment horizontal="center" vertical="center" wrapText="1"/>
    </xf>
    <xf numFmtId="0" fontId="8" fillId="0" borderId="22" xfId="1" applyFont="1" applyFill="1" applyBorder="1" applyAlignment="1">
      <alignment vertical="center" wrapText="1"/>
    </xf>
    <xf numFmtId="0" fontId="8" fillId="0" borderId="30" xfId="0" applyFont="1" applyFill="1" applyBorder="1" applyAlignment="1">
      <alignment vertical="center" wrapText="1"/>
    </xf>
    <xf numFmtId="0" fontId="8" fillId="0" borderId="22" xfId="0" applyFont="1" applyFill="1" applyBorder="1" applyAlignment="1">
      <alignment horizontal="center" vertical="center" wrapText="1"/>
    </xf>
    <xf numFmtId="0" fontId="8" fillId="0" borderId="22" xfId="0" applyFont="1" applyFill="1" applyBorder="1" applyAlignment="1">
      <alignment vertical="center" wrapText="1"/>
    </xf>
    <xf numFmtId="0" fontId="8" fillId="0" borderId="27" xfId="0" applyFont="1" applyFill="1" applyBorder="1" applyAlignment="1">
      <alignment horizontal="center" vertical="center" wrapText="1"/>
    </xf>
    <xf numFmtId="0" fontId="8" fillId="0" borderId="27" xfId="0" applyFont="1" applyFill="1" applyBorder="1" applyAlignment="1">
      <alignment vertical="center" wrapText="1"/>
    </xf>
    <xf numFmtId="0" fontId="8" fillId="0" borderId="26" xfId="0" applyFont="1" applyFill="1" applyBorder="1" applyAlignment="1">
      <alignment vertical="center" wrapText="1"/>
    </xf>
    <xf numFmtId="0" fontId="8" fillId="0" borderId="5" xfId="0" applyFont="1" applyFill="1" applyBorder="1" applyAlignment="1">
      <alignment horizontal="center" vertical="center" wrapText="1"/>
    </xf>
    <xf numFmtId="0" fontId="8" fillId="0" borderId="5" xfId="0" applyFont="1" applyFill="1" applyBorder="1" applyAlignment="1">
      <alignment vertical="center" wrapText="1"/>
    </xf>
    <xf numFmtId="0" fontId="8" fillId="0" borderId="23" xfId="0" applyFont="1" applyFill="1" applyBorder="1" applyAlignment="1">
      <alignment horizontal="center" vertical="center" wrapText="1"/>
    </xf>
    <xf numFmtId="0" fontId="8" fillId="0" borderId="4" xfId="0" applyFont="1" applyFill="1" applyBorder="1" applyAlignment="1">
      <alignment horizontal="center" vertical="center" wrapText="1"/>
    </xf>
    <xf numFmtId="0" fontId="8" fillId="0" borderId="4" xfId="0" applyFont="1" applyFill="1" applyBorder="1" applyAlignment="1">
      <alignment vertical="center" wrapText="1"/>
    </xf>
    <xf numFmtId="0" fontId="8" fillId="0" borderId="0" xfId="0" applyFont="1" applyFill="1">
      <alignment vertical="center"/>
    </xf>
    <xf numFmtId="0" fontId="8" fillId="0" borderId="1" xfId="0" applyFont="1" applyFill="1" applyBorder="1">
      <alignment vertical="center"/>
    </xf>
    <xf numFmtId="0" fontId="8" fillId="0" borderId="21" xfId="0" applyFont="1" applyFill="1" applyBorder="1" applyAlignment="1">
      <alignment horizontal="center" vertical="center" wrapText="1"/>
    </xf>
    <xf numFmtId="0" fontId="8" fillId="0" borderId="21" xfId="0" applyFont="1" applyFill="1" applyBorder="1" applyAlignment="1">
      <alignment vertical="center" wrapText="1"/>
    </xf>
    <xf numFmtId="0" fontId="8" fillId="0" borderId="31" xfId="0" applyFont="1" applyFill="1" applyBorder="1">
      <alignment vertical="center"/>
    </xf>
    <xf numFmtId="0" fontId="8" fillId="0" borderId="12" xfId="0" applyFont="1" applyFill="1" applyBorder="1">
      <alignment vertical="center"/>
    </xf>
    <xf numFmtId="0" fontId="8" fillId="0" borderId="10" xfId="0" applyFont="1" applyFill="1" applyBorder="1">
      <alignment vertical="center"/>
    </xf>
    <xf numFmtId="0" fontId="8" fillId="0" borderId="12" xfId="8" applyFont="1" applyFill="1" applyBorder="1" applyAlignment="1">
      <alignment horizontal="center" vertical="center"/>
    </xf>
    <xf numFmtId="0" fontId="8" fillId="0" borderId="22" xfId="0" applyFont="1" applyFill="1" applyBorder="1" applyAlignment="1">
      <alignment vertical="top" wrapText="1"/>
    </xf>
    <xf numFmtId="0" fontId="14" fillId="0" borderId="0" xfId="6" applyFont="1" applyBorder="1" applyAlignment="1">
      <alignment horizontal="left" vertical="center" wrapText="1"/>
    </xf>
    <xf numFmtId="0" fontId="33" fillId="0" borderId="7" xfId="0" applyFont="1" applyFill="1" applyBorder="1" applyAlignment="1" applyProtection="1">
      <alignment horizontal="left" vertical="center" shrinkToFit="1"/>
      <protection locked="0"/>
    </xf>
    <xf numFmtId="0" fontId="42" fillId="0" borderId="0" xfId="0" applyFont="1">
      <alignment vertical="center"/>
    </xf>
    <xf numFmtId="0" fontId="48" fillId="0" borderId="0" xfId="0" applyFont="1">
      <alignment vertical="center"/>
    </xf>
    <xf numFmtId="0" fontId="33" fillId="0" borderId="0" xfId="0" applyFont="1">
      <alignment vertical="center"/>
    </xf>
    <xf numFmtId="0" fontId="42" fillId="0" borderId="0" xfId="6" applyFont="1" applyBorder="1">
      <alignment vertical="center"/>
    </xf>
    <xf numFmtId="0" fontId="36" fillId="0" borderId="0" xfId="6" applyFont="1" applyBorder="1">
      <alignment vertical="center"/>
    </xf>
    <xf numFmtId="0" fontId="17" fillId="0" borderId="0" xfId="6" applyFont="1" applyBorder="1">
      <alignment vertical="center"/>
    </xf>
    <xf numFmtId="0" fontId="33" fillId="0" borderId="0" xfId="6" applyFont="1" applyBorder="1">
      <alignment vertical="center"/>
    </xf>
    <xf numFmtId="0" fontId="33" fillId="0" borderId="0" xfId="6" applyFont="1" applyBorder="1" applyAlignment="1">
      <alignment horizontal="center" vertical="center"/>
    </xf>
    <xf numFmtId="0" fontId="33" fillId="0" borderId="0" xfId="6" applyFont="1" applyBorder="1" applyAlignment="1">
      <alignment vertical="center" wrapText="1"/>
    </xf>
    <xf numFmtId="0" fontId="13" fillId="0" borderId="0" xfId="6" applyFont="1" applyBorder="1">
      <alignment vertical="center"/>
    </xf>
    <xf numFmtId="0" fontId="13" fillId="0" borderId="10" xfId="6" applyFont="1" applyBorder="1" applyAlignment="1">
      <alignment horizontal="center" vertical="center"/>
    </xf>
    <xf numFmtId="0" fontId="42" fillId="0" borderId="0" xfId="6" applyFont="1">
      <alignment vertical="center"/>
    </xf>
    <xf numFmtId="0" fontId="36" fillId="0" borderId="0" xfId="6" applyFont="1">
      <alignment vertical="center"/>
    </xf>
    <xf numFmtId="0" fontId="33" fillId="0" borderId="0" xfId="6" applyFont="1">
      <alignment vertical="center"/>
    </xf>
    <xf numFmtId="0" fontId="33" fillId="0" borderId="11" xfId="6" applyFont="1" applyBorder="1" applyAlignment="1">
      <alignment horizontal="center" vertical="center"/>
    </xf>
    <xf numFmtId="0" fontId="36" fillId="0" borderId="0" xfId="0" applyFont="1" applyBorder="1">
      <alignment vertical="center"/>
    </xf>
    <xf numFmtId="0" fontId="33" fillId="0" borderId="6" xfId="0" applyFont="1" applyBorder="1" applyAlignment="1">
      <alignment horizontal="center" vertical="center"/>
    </xf>
    <xf numFmtId="0" fontId="33" fillId="0" borderId="8" xfId="0" applyFont="1" applyBorder="1">
      <alignment vertical="center"/>
    </xf>
    <xf numFmtId="0" fontId="33" fillId="0" borderId="8" xfId="0" applyFont="1" applyBorder="1" applyAlignment="1">
      <alignment horizontal="center" vertical="center"/>
    </xf>
    <xf numFmtId="177" fontId="33" fillId="0" borderId="8" xfId="0" applyNumberFormat="1" applyFont="1" applyFill="1" applyBorder="1" applyAlignment="1">
      <alignment horizontal="center" vertical="center"/>
    </xf>
    <xf numFmtId="0" fontId="33" fillId="0" borderId="8" xfId="0" applyFont="1" applyBorder="1" applyAlignment="1">
      <alignment vertical="center" wrapText="1"/>
    </xf>
    <xf numFmtId="0" fontId="33" fillId="0" borderId="0" xfId="0" applyFont="1" applyBorder="1">
      <alignment vertical="center"/>
    </xf>
    <xf numFmtId="0" fontId="33" fillId="0" borderId="1" xfId="0" applyFont="1" applyBorder="1" applyAlignment="1">
      <alignment horizontal="center" vertical="center"/>
    </xf>
    <xf numFmtId="0" fontId="33" fillId="0" borderId="2" xfId="0" applyFont="1" applyBorder="1">
      <alignment vertical="center"/>
    </xf>
    <xf numFmtId="177" fontId="33" fillId="0" borderId="12" xfId="0" applyNumberFormat="1" applyFont="1" applyFill="1" applyBorder="1" applyAlignment="1">
      <alignment horizontal="center" vertical="center"/>
    </xf>
    <xf numFmtId="0" fontId="33" fillId="0" borderId="6" xfId="0" applyFont="1" applyBorder="1" applyAlignment="1">
      <alignment horizontal="left" vertical="center" wrapText="1"/>
    </xf>
    <xf numFmtId="0" fontId="17" fillId="0" borderId="0" xfId="0" applyFont="1" applyBorder="1">
      <alignment vertical="center"/>
    </xf>
    <xf numFmtId="0" fontId="13" fillId="0" borderId="1" xfId="0" applyFont="1" applyBorder="1" applyAlignment="1">
      <alignment horizontal="center" vertical="center"/>
    </xf>
    <xf numFmtId="0" fontId="13" fillId="0" borderId="2" xfId="0" applyFont="1" applyBorder="1">
      <alignment vertical="center"/>
    </xf>
    <xf numFmtId="0" fontId="13" fillId="0" borderId="12" xfId="0" applyFont="1" applyBorder="1" applyAlignment="1">
      <alignment horizontal="center" vertical="center"/>
    </xf>
    <xf numFmtId="177" fontId="13" fillId="0" borderId="10" xfId="0" applyNumberFormat="1" applyFont="1" applyFill="1" applyBorder="1" applyAlignment="1">
      <alignment horizontal="center" vertical="center"/>
    </xf>
    <xf numFmtId="0" fontId="13" fillId="0" borderId="1" xfId="0" applyFont="1" applyBorder="1" applyAlignment="1" applyProtection="1">
      <alignment horizontal="center" vertical="center" wrapText="1"/>
      <protection locked="0"/>
    </xf>
    <xf numFmtId="177" fontId="33" fillId="0" borderId="11" xfId="0" applyNumberFormat="1" applyFont="1" applyFill="1" applyBorder="1" applyAlignment="1">
      <alignment horizontal="center" vertical="center"/>
    </xf>
    <xf numFmtId="0" fontId="33" fillId="0" borderId="6" xfId="0" applyFont="1" applyBorder="1" applyAlignment="1">
      <alignment vertical="center" wrapText="1"/>
    </xf>
    <xf numFmtId="0" fontId="13" fillId="0" borderId="3" xfId="0" applyFont="1" applyBorder="1" applyAlignment="1">
      <alignment vertical="center" wrapText="1"/>
    </xf>
    <xf numFmtId="0" fontId="33" fillId="0" borderId="8" xfId="0" applyFont="1" applyFill="1" applyBorder="1" applyAlignment="1">
      <alignment horizontal="center" vertical="center"/>
    </xf>
    <xf numFmtId="0" fontId="33" fillId="0" borderId="8" xfId="0" applyFont="1" applyFill="1" applyBorder="1" applyAlignment="1">
      <alignment vertical="center" wrapText="1"/>
    </xf>
    <xf numFmtId="0" fontId="33" fillId="0" borderId="1" xfId="0" applyFont="1" applyFill="1" applyBorder="1" applyAlignment="1">
      <alignment horizontal="center" vertical="center"/>
    </xf>
    <xf numFmtId="0" fontId="33" fillId="0" borderId="2" xfId="0" applyFont="1" applyFill="1" applyBorder="1">
      <alignment vertical="center"/>
    </xf>
    <xf numFmtId="0" fontId="33" fillId="0" borderId="6" xfId="0" applyFont="1" applyFill="1" applyBorder="1" applyAlignment="1">
      <alignment vertical="center" wrapText="1"/>
    </xf>
    <xf numFmtId="0" fontId="13" fillId="0" borderId="1" xfId="0" applyFont="1" applyFill="1" applyBorder="1" applyAlignment="1">
      <alignment horizontal="center" vertical="center"/>
    </xf>
    <xf numFmtId="0" fontId="13" fillId="0" borderId="2" xfId="0" applyFont="1" applyFill="1" applyBorder="1">
      <alignment vertical="center"/>
    </xf>
    <xf numFmtId="0" fontId="13" fillId="0" borderId="12" xfId="0" applyFont="1" applyFill="1" applyBorder="1" applyAlignment="1">
      <alignment horizontal="center" vertical="center"/>
    </xf>
    <xf numFmtId="177" fontId="13" fillId="0" borderId="12" xfId="0" applyNumberFormat="1" applyFont="1" applyFill="1" applyBorder="1" applyAlignment="1">
      <alignment horizontal="center" vertical="center"/>
    </xf>
    <xf numFmtId="0" fontId="13" fillId="0" borderId="3" xfId="0" applyFont="1" applyFill="1" applyBorder="1" applyAlignment="1">
      <alignment vertical="top" wrapText="1"/>
    </xf>
    <xf numFmtId="0" fontId="33" fillId="0" borderId="12" xfId="0" applyFont="1" applyFill="1" applyBorder="1" applyAlignment="1">
      <alignment horizontal="center" vertical="center"/>
    </xf>
    <xf numFmtId="0" fontId="33" fillId="0" borderId="6" xfId="0" applyFont="1" applyFill="1" applyBorder="1" applyAlignment="1">
      <alignment horizontal="left" vertical="center" wrapText="1"/>
    </xf>
    <xf numFmtId="0" fontId="13" fillId="0" borderId="3" xfId="0" applyFont="1" applyFill="1" applyBorder="1" applyAlignment="1">
      <alignment horizontal="center" vertical="center"/>
    </xf>
    <xf numFmtId="0" fontId="13" fillId="0" borderId="4" xfId="0" applyFont="1" applyFill="1" applyBorder="1">
      <alignment vertical="center"/>
    </xf>
    <xf numFmtId="0" fontId="13" fillId="0" borderId="10" xfId="0" applyFont="1" applyFill="1" applyBorder="1" applyAlignment="1">
      <alignment horizontal="center" vertical="center"/>
    </xf>
    <xf numFmtId="0" fontId="13" fillId="0" borderId="3" xfId="0" applyFont="1" applyFill="1" applyBorder="1" applyAlignment="1" applyProtection="1">
      <alignment horizontal="center" vertical="center" wrapText="1"/>
      <protection locked="0"/>
    </xf>
    <xf numFmtId="0" fontId="33" fillId="0" borderId="0" xfId="0" applyFont="1" applyBorder="1" applyAlignment="1">
      <alignment horizontal="center" vertical="center"/>
    </xf>
    <xf numFmtId="177" fontId="33" fillId="0" borderId="0" xfId="0" applyNumberFormat="1" applyFont="1" applyFill="1" applyBorder="1" applyAlignment="1">
      <alignment horizontal="center" vertical="center"/>
    </xf>
    <xf numFmtId="0" fontId="33" fillId="0" borderId="0" xfId="0" applyFont="1" applyBorder="1" applyAlignment="1">
      <alignment vertical="center" wrapText="1"/>
    </xf>
    <xf numFmtId="0" fontId="8" fillId="0" borderId="12" xfId="0" applyFont="1" applyBorder="1">
      <alignment vertical="center"/>
    </xf>
    <xf numFmtId="0" fontId="8" fillId="0" borderId="22" xfId="0" applyFont="1" applyBorder="1" applyAlignment="1">
      <alignment vertical="center" wrapText="1"/>
    </xf>
    <xf numFmtId="0" fontId="8" fillId="0" borderId="30" xfId="0" applyFont="1" applyBorder="1" applyAlignment="1">
      <alignment horizontal="center" vertical="center" wrapText="1"/>
    </xf>
    <xf numFmtId="0" fontId="8" fillId="0" borderId="30" xfId="0" applyFont="1" applyBorder="1" applyAlignment="1">
      <alignment vertical="center" wrapText="1"/>
    </xf>
    <xf numFmtId="0" fontId="8" fillId="0" borderId="30" xfId="0" applyFont="1" applyFill="1" applyBorder="1" applyAlignment="1">
      <alignment horizontal="center" vertical="center" wrapText="1"/>
    </xf>
    <xf numFmtId="0" fontId="8" fillId="0" borderId="10" xfId="0" applyFont="1" applyBorder="1">
      <alignment vertical="center"/>
    </xf>
    <xf numFmtId="0" fontId="8" fillId="0" borderId="26" xfId="0" applyFont="1" applyFill="1" applyBorder="1" applyAlignment="1">
      <alignment horizontal="center" vertical="center" wrapText="1"/>
    </xf>
    <xf numFmtId="0" fontId="8" fillId="0" borderId="1" xfId="0" applyFont="1" applyBorder="1">
      <alignment vertical="center"/>
    </xf>
    <xf numFmtId="0" fontId="8" fillId="0" borderId="29" xfId="0" applyFont="1" applyFill="1" applyBorder="1" applyAlignment="1">
      <alignment horizontal="center" vertical="center" wrapText="1"/>
    </xf>
    <xf numFmtId="0" fontId="8" fillId="0" borderId="0" xfId="9" applyFont="1">
      <alignment vertical="center"/>
    </xf>
    <xf numFmtId="0" fontId="33" fillId="0" borderId="11" xfId="0" applyFont="1" applyBorder="1" applyAlignment="1">
      <alignment vertical="center" wrapText="1"/>
    </xf>
    <xf numFmtId="0" fontId="13" fillId="0" borderId="10" xfId="0" applyFont="1" applyBorder="1" applyAlignment="1">
      <alignment vertical="center" wrapText="1"/>
    </xf>
    <xf numFmtId="0" fontId="33" fillId="0" borderId="3" xfId="0" applyFont="1" applyBorder="1" applyAlignment="1">
      <alignment horizontal="center" vertical="center"/>
    </xf>
    <xf numFmtId="177" fontId="33" fillId="0" borderId="11" xfId="0" applyNumberFormat="1" applyFont="1" applyFill="1" applyBorder="1" applyAlignment="1">
      <alignment horizontal="center" vertical="top"/>
    </xf>
    <xf numFmtId="177" fontId="33" fillId="0" borderId="10" xfId="0" applyNumberFormat="1" applyFont="1" applyFill="1" applyBorder="1" applyAlignment="1">
      <alignment horizontal="center" vertical="center"/>
    </xf>
    <xf numFmtId="0" fontId="33" fillId="0" borderId="11" xfId="0" applyFont="1" applyBorder="1" applyAlignment="1">
      <alignment horizontal="left" vertical="center" wrapText="1" indent="1"/>
    </xf>
    <xf numFmtId="0" fontId="8" fillId="3" borderId="25" xfId="0" applyFont="1" applyFill="1" applyBorder="1" applyAlignment="1">
      <alignment horizontal="center" vertical="center" wrapText="1"/>
    </xf>
    <xf numFmtId="0" fontId="8" fillId="0" borderId="21" xfId="0" applyFont="1" applyBorder="1" applyAlignment="1">
      <alignment vertical="center" wrapText="1"/>
    </xf>
    <xf numFmtId="0" fontId="8" fillId="0" borderId="31" xfId="0" applyFont="1" applyBorder="1" applyAlignment="1">
      <alignment vertical="center" wrapText="1"/>
    </xf>
    <xf numFmtId="0" fontId="8" fillId="0" borderId="30" xfId="1" applyFont="1" applyFill="1" applyBorder="1" applyAlignment="1">
      <alignment horizontal="center" vertical="center" wrapText="1"/>
    </xf>
    <xf numFmtId="0" fontId="8" fillId="0" borderId="30" xfId="1" applyFont="1" applyFill="1" applyBorder="1" applyAlignment="1">
      <alignment vertical="center" wrapText="1"/>
    </xf>
    <xf numFmtId="177" fontId="55" fillId="0" borderId="8" xfId="0" applyNumberFormat="1" applyFont="1" applyFill="1" applyBorder="1" applyAlignment="1">
      <alignment horizontal="center" vertical="center"/>
    </xf>
    <xf numFmtId="0" fontId="55" fillId="0" borderId="8" xfId="0" applyFont="1" applyBorder="1" applyAlignment="1">
      <alignment vertical="center" wrapText="1"/>
    </xf>
    <xf numFmtId="0" fontId="56" fillId="0" borderId="0" xfId="0" applyFont="1" applyBorder="1">
      <alignment vertical="center"/>
    </xf>
    <xf numFmtId="0" fontId="31" fillId="0" borderId="11" xfId="0" applyFont="1" applyFill="1" applyBorder="1" applyAlignment="1">
      <alignment vertical="center" wrapText="1"/>
    </xf>
    <xf numFmtId="0" fontId="11" fillId="0" borderId="10" xfId="0" applyFont="1" applyFill="1" applyBorder="1" applyAlignment="1">
      <alignment vertical="center" wrapText="1"/>
    </xf>
    <xf numFmtId="0" fontId="8" fillId="0" borderId="0" xfId="0" applyFont="1" applyBorder="1" applyAlignment="1">
      <alignment horizontal="center" vertical="center" wrapText="1"/>
    </xf>
    <xf numFmtId="0" fontId="8" fillId="3" borderId="24" xfId="0" applyFont="1" applyFill="1" applyBorder="1" applyAlignment="1">
      <alignment horizontal="center" vertical="center"/>
    </xf>
    <xf numFmtId="0" fontId="8" fillId="0" borderId="0" xfId="0" applyFont="1" applyAlignment="1">
      <alignment horizontal="center" vertical="center"/>
    </xf>
    <xf numFmtId="0" fontId="13" fillId="0" borderId="12" xfId="6" applyFont="1" applyBorder="1" applyAlignment="1">
      <alignment horizontal="center" vertical="center"/>
    </xf>
    <xf numFmtId="0" fontId="13" fillId="0" borderId="12" xfId="6" applyFont="1" applyBorder="1" applyAlignment="1">
      <alignment vertical="center" wrapText="1"/>
    </xf>
    <xf numFmtId="0" fontId="13" fillId="0" borderId="0" xfId="0" applyFont="1" applyBorder="1" applyAlignment="1">
      <alignment horizontal="center" vertical="center"/>
    </xf>
    <xf numFmtId="177" fontId="13" fillId="0" borderId="0" xfId="0" applyNumberFormat="1" applyFont="1" applyFill="1" applyBorder="1" applyAlignment="1">
      <alignment horizontal="center" vertical="center"/>
    </xf>
    <xf numFmtId="0" fontId="13" fillId="0" borderId="0" xfId="0" applyFont="1" applyBorder="1" applyAlignment="1">
      <alignment vertical="center" wrapText="1"/>
    </xf>
    <xf numFmtId="0" fontId="17" fillId="0" borderId="0" xfId="0" applyFont="1" applyFill="1" applyBorder="1">
      <alignment vertical="center"/>
    </xf>
    <xf numFmtId="0" fontId="33" fillId="0" borderId="0" xfId="0" applyFont="1" applyFill="1" applyBorder="1">
      <alignment vertical="center"/>
    </xf>
    <xf numFmtId="0" fontId="13" fillId="0" borderId="0" xfId="0" applyFont="1" applyFill="1" applyBorder="1" applyAlignment="1">
      <alignment horizontal="center" vertical="center"/>
    </xf>
    <xf numFmtId="0" fontId="13" fillId="0" borderId="0" xfId="0" applyFont="1" applyFill="1" applyBorder="1" applyAlignment="1">
      <alignment vertical="center" wrapText="1"/>
    </xf>
    <xf numFmtId="0" fontId="33" fillId="0" borderId="0" xfId="0" applyFont="1" applyFill="1" applyBorder="1" applyAlignment="1">
      <alignment horizontal="center" vertical="center"/>
    </xf>
    <xf numFmtId="0" fontId="33" fillId="0" borderId="11" xfId="0" applyFont="1" applyBorder="1" applyAlignment="1">
      <alignment horizontal="right" vertical="center" wrapText="1"/>
    </xf>
    <xf numFmtId="0" fontId="33" fillId="0" borderId="12" xfId="0" applyFont="1" applyBorder="1" applyAlignment="1">
      <alignment horizontal="right" vertical="center" wrapText="1"/>
    </xf>
    <xf numFmtId="0" fontId="13" fillId="0" borderId="12" xfId="0" applyFont="1" applyBorder="1" applyAlignment="1">
      <alignment horizontal="right" vertical="center" wrapText="1"/>
    </xf>
    <xf numFmtId="0" fontId="13" fillId="0" borderId="12" xfId="0" applyFont="1" applyBorder="1" applyAlignment="1">
      <alignment vertical="center" wrapText="1"/>
    </xf>
    <xf numFmtId="0" fontId="38" fillId="2" borderId="11" xfId="0" applyFont="1" applyFill="1" applyBorder="1" applyAlignment="1">
      <alignment horizontal="center" vertical="center" wrapText="1"/>
    </xf>
    <xf numFmtId="0" fontId="33" fillId="0" borderId="8" xfId="0" applyFont="1" applyFill="1" applyBorder="1">
      <alignment vertical="center"/>
    </xf>
    <xf numFmtId="0" fontId="11" fillId="0" borderId="0" xfId="0" applyFont="1" applyAlignment="1">
      <alignment horizontal="right" vertical="top"/>
    </xf>
    <xf numFmtId="0" fontId="33" fillId="0" borderId="32" xfId="0" applyFont="1" applyBorder="1">
      <alignment vertical="center"/>
    </xf>
    <xf numFmtId="0" fontId="33" fillId="0" borderId="33" xfId="0" applyFont="1" applyBorder="1">
      <alignment vertical="center"/>
    </xf>
    <xf numFmtId="0" fontId="13" fillId="0" borderId="32" xfId="0" applyFont="1" applyBorder="1">
      <alignment vertical="center"/>
    </xf>
    <xf numFmtId="0" fontId="33" fillId="0" borderId="32" xfId="0" applyFont="1" applyFill="1" applyBorder="1">
      <alignment vertical="center"/>
    </xf>
    <xf numFmtId="0" fontId="33" fillId="0" borderId="33" xfId="0" applyFont="1" applyFill="1" applyBorder="1">
      <alignment vertical="center"/>
    </xf>
    <xf numFmtId="0" fontId="13" fillId="0" borderId="35" xfId="0" applyFont="1" applyBorder="1" applyAlignment="1">
      <alignment horizontal="center" vertical="center"/>
    </xf>
    <xf numFmtId="177" fontId="13" fillId="0" borderId="35" xfId="0" applyNumberFormat="1" applyFont="1" applyFill="1" applyBorder="1" applyAlignment="1">
      <alignment horizontal="center" vertical="center"/>
    </xf>
    <xf numFmtId="0" fontId="13" fillId="0" borderId="35" xfId="0" applyFont="1" applyBorder="1" applyAlignment="1">
      <alignment vertical="center" wrapText="1"/>
    </xf>
    <xf numFmtId="0" fontId="33" fillId="0" borderId="35" xfId="0" applyFont="1" applyBorder="1" applyAlignment="1">
      <alignment horizontal="center" vertical="center"/>
    </xf>
    <xf numFmtId="0" fontId="33" fillId="0" borderId="36" xfId="0" applyFont="1" applyBorder="1">
      <alignment vertical="center"/>
    </xf>
    <xf numFmtId="0" fontId="60" fillId="0" borderId="37" xfId="0" applyFont="1" applyBorder="1" applyAlignment="1">
      <alignment horizontal="left" vertical="center"/>
    </xf>
    <xf numFmtId="0" fontId="17" fillId="0" borderId="38" xfId="0" applyFont="1" applyBorder="1" applyAlignment="1">
      <alignment horizontal="center" vertical="center"/>
    </xf>
    <xf numFmtId="177" fontId="17" fillId="0" borderId="38" xfId="0" applyNumberFormat="1" applyFont="1" applyFill="1" applyBorder="1" applyAlignment="1">
      <alignment horizontal="center" vertical="center"/>
    </xf>
    <xf numFmtId="0" fontId="17" fillId="0" borderId="38" xfId="0" applyFont="1" applyBorder="1" applyAlignment="1">
      <alignment vertical="center" wrapText="1"/>
    </xf>
    <xf numFmtId="0" fontId="36" fillId="0" borderId="38" xfId="0" applyFont="1" applyBorder="1" applyAlignment="1">
      <alignment horizontal="center" vertical="center"/>
    </xf>
    <xf numFmtId="0" fontId="36" fillId="0" borderId="39" xfId="0" applyFont="1" applyBorder="1">
      <alignment vertical="center"/>
    </xf>
    <xf numFmtId="0" fontId="62" fillId="2" borderId="10" xfId="0" applyFont="1" applyFill="1" applyBorder="1" applyAlignment="1">
      <alignment horizontal="center" vertical="center"/>
    </xf>
    <xf numFmtId="0" fontId="56" fillId="0" borderId="12" xfId="0" applyFont="1" applyBorder="1" applyAlignment="1">
      <alignment horizontal="center" vertical="center"/>
    </xf>
    <xf numFmtId="0" fontId="55" fillId="0" borderId="12" xfId="0" applyFont="1" applyBorder="1" applyAlignment="1">
      <alignment horizontal="center" vertical="center"/>
    </xf>
    <xf numFmtId="0" fontId="33" fillId="0" borderId="11" xfId="0" applyFont="1" applyBorder="1" applyAlignment="1">
      <alignment horizontal="center" vertical="center" wrapText="1"/>
    </xf>
    <xf numFmtId="0" fontId="13" fillId="0" borderId="34" xfId="0" applyFont="1" applyBorder="1">
      <alignment vertical="center"/>
    </xf>
    <xf numFmtId="0" fontId="58" fillId="0" borderId="0" xfId="0" applyFont="1" applyBorder="1">
      <alignment vertical="center"/>
    </xf>
    <xf numFmtId="177" fontId="31" fillId="0" borderId="10" xfId="0" applyNumberFormat="1" applyFont="1" applyFill="1" applyBorder="1" applyAlignment="1">
      <alignment horizontal="center" vertical="center"/>
    </xf>
    <xf numFmtId="0" fontId="31" fillId="0" borderId="28" xfId="0" applyFont="1" applyBorder="1" applyAlignment="1">
      <alignment horizontal="left" vertical="center" wrapText="1" indent="1"/>
    </xf>
    <xf numFmtId="49" fontId="34" fillId="0" borderId="0" xfId="6" applyNumberFormat="1" applyFont="1" applyBorder="1" applyAlignment="1">
      <alignment vertical="center"/>
    </xf>
    <xf numFmtId="0" fontId="33" fillId="0" borderId="0" xfId="0" applyFont="1" applyFill="1" applyBorder="1" applyAlignment="1" applyProtection="1">
      <alignment horizontal="center" vertical="center"/>
      <protection locked="0"/>
    </xf>
    <xf numFmtId="0" fontId="33" fillId="0" borderId="0" xfId="0" applyFont="1" applyBorder="1" applyAlignment="1">
      <alignment horizontal="center" vertical="center" wrapText="1"/>
    </xf>
    <xf numFmtId="0" fontId="8" fillId="0" borderId="40" xfId="0" applyFont="1" applyFill="1" applyBorder="1" applyAlignment="1">
      <alignment horizontal="center" vertical="center" wrapText="1"/>
    </xf>
    <xf numFmtId="0" fontId="8" fillId="0" borderId="40" xfId="0" applyFont="1" applyFill="1" applyBorder="1" applyAlignment="1">
      <alignment vertical="center" wrapText="1"/>
    </xf>
    <xf numFmtId="0" fontId="8" fillId="0" borderId="41" xfId="0" applyFont="1" applyFill="1" applyBorder="1" applyAlignment="1">
      <alignment horizontal="center" vertical="center" wrapText="1"/>
    </xf>
    <xf numFmtId="0" fontId="8" fillId="0" borderId="41" xfId="0" applyFont="1" applyFill="1" applyBorder="1" applyAlignment="1">
      <alignment vertical="center" wrapText="1"/>
    </xf>
    <xf numFmtId="0" fontId="8" fillId="0" borderId="41" xfId="0" applyFont="1" applyBorder="1" applyAlignment="1">
      <alignment vertical="center" wrapText="1"/>
    </xf>
    <xf numFmtId="0" fontId="13" fillId="0" borderId="1" xfId="0" applyFont="1" applyBorder="1" applyAlignment="1">
      <alignment vertical="center" wrapText="1"/>
    </xf>
    <xf numFmtId="0" fontId="13" fillId="0" borderId="3" xfId="0" applyFont="1" applyBorder="1" applyAlignment="1" applyProtection="1">
      <alignment horizontal="center" vertical="center" wrapText="1"/>
      <protection locked="0"/>
    </xf>
    <xf numFmtId="177" fontId="33" fillId="0" borderId="9" xfId="0" applyNumberFormat="1" applyFont="1" applyFill="1" applyBorder="1" applyAlignment="1">
      <alignment horizontal="center" vertical="center"/>
    </xf>
    <xf numFmtId="0" fontId="56" fillId="0" borderId="10" xfId="0" applyFont="1" applyBorder="1" applyAlignment="1">
      <alignment horizontal="center" vertical="center"/>
    </xf>
    <xf numFmtId="0" fontId="33" fillId="0" borderId="28" xfId="0" applyFont="1" applyFill="1" applyBorder="1" applyAlignment="1">
      <alignment vertical="center" wrapText="1"/>
    </xf>
    <xf numFmtId="177" fontId="55" fillId="0" borderId="12" xfId="0" applyNumberFormat="1" applyFont="1" applyFill="1" applyBorder="1" applyAlignment="1">
      <alignment horizontal="center" vertical="center"/>
    </xf>
    <xf numFmtId="0" fontId="28" fillId="2" borderId="12" xfId="0" applyFont="1" applyFill="1" applyBorder="1" applyAlignment="1">
      <alignment horizontal="center" vertical="top"/>
    </xf>
    <xf numFmtId="0" fontId="33" fillId="0" borderId="11" xfId="6" applyFont="1" applyFill="1" applyBorder="1" applyAlignment="1">
      <alignment horizontal="center" vertical="center"/>
    </xf>
    <xf numFmtId="0" fontId="33" fillId="0" borderId="11" xfId="6" applyFont="1" applyFill="1" applyBorder="1" applyAlignment="1">
      <alignment vertical="center" wrapText="1"/>
    </xf>
    <xf numFmtId="0" fontId="13" fillId="0" borderId="10" xfId="6" applyFont="1" applyFill="1" applyBorder="1" applyAlignment="1">
      <alignment horizontal="center" vertical="center"/>
    </xf>
    <xf numFmtId="0" fontId="13" fillId="0" borderId="10" xfId="6" applyFont="1" applyFill="1" applyBorder="1" applyAlignment="1">
      <alignment vertical="center" wrapText="1"/>
    </xf>
    <xf numFmtId="0" fontId="33" fillId="0" borderId="28" xfId="0" applyFont="1" applyBorder="1" applyAlignment="1">
      <alignment vertical="center" wrapText="1"/>
    </xf>
    <xf numFmtId="0" fontId="33" fillId="0" borderId="6" xfId="0" applyFont="1" applyFill="1" applyBorder="1" applyAlignment="1">
      <alignment horizontal="center" vertical="center"/>
    </xf>
    <xf numFmtId="0" fontId="13" fillId="0" borderId="3" xfId="0" applyFont="1" applyBorder="1" applyAlignment="1">
      <alignment horizontal="center" vertical="center"/>
    </xf>
    <xf numFmtId="0" fontId="13" fillId="0" borderId="4" xfId="0" applyFont="1" applyBorder="1">
      <alignment vertical="center"/>
    </xf>
    <xf numFmtId="0" fontId="13" fillId="0" borderId="0" xfId="6" applyFont="1" applyBorder="1" applyAlignment="1">
      <alignment horizontal="center" vertical="center"/>
    </xf>
    <xf numFmtId="0" fontId="13" fillId="0" borderId="0" xfId="6" applyFont="1" applyBorder="1" applyAlignment="1">
      <alignment vertical="center" wrapText="1"/>
    </xf>
    <xf numFmtId="0" fontId="17" fillId="0" borderId="0" xfId="6" applyFont="1" applyBorder="1" applyAlignment="1">
      <alignment horizontal="left" vertical="center" indent="1"/>
    </xf>
    <xf numFmtId="0" fontId="33" fillId="0" borderId="0" xfId="6" applyFont="1" applyBorder="1" applyAlignment="1">
      <alignment horizontal="left" vertical="center"/>
    </xf>
    <xf numFmtId="0" fontId="13" fillId="0" borderId="0" xfId="6" applyFont="1" applyBorder="1" applyAlignment="1">
      <alignment horizontal="left" vertical="center"/>
    </xf>
    <xf numFmtId="0" fontId="33" fillId="0" borderId="37" xfId="6" applyFont="1" applyBorder="1">
      <alignment vertical="center"/>
    </xf>
    <xf numFmtId="0" fontId="60" fillId="0" borderId="38" xfId="6" applyFont="1" applyBorder="1" applyAlignment="1">
      <alignment horizontal="left" vertical="center"/>
    </xf>
    <xf numFmtId="0" fontId="33" fillId="0" borderId="38" xfId="6" applyFont="1" applyBorder="1" applyAlignment="1">
      <alignment vertical="center" wrapText="1"/>
    </xf>
    <xf numFmtId="0" fontId="33" fillId="0" borderId="39" xfId="6" applyFont="1" applyBorder="1">
      <alignment vertical="center"/>
    </xf>
    <xf numFmtId="0" fontId="33" fillId="0" borderId="32" xfId="6" applyFont="1" applyBorder="1">
      <alignment vertical="center"/>
    </xf>
    <xf numFmtId="0" fontId="33" fillId="0" borderId="0" xfId="6" applyFont="1" applyBorder="1" applyAlignment="1">
      <alignment vertical="center"/>
    </xf>
    <xf numFmtId="0" fontId="33" fillId="0" borderId="33" xfId="6" applyFont="1" applyBorder="1">
      <alignment vertical="center"/>
    </xf>
    <xf numFmtId="0" fontId="13" fillId="0" borderId="0" xfId="6" applyFont="1" applyBorder="1" applyAlignment="1">
      <alignment vertical="center"/>
    </xf>
    <xf numFmtId="0" fontId="33" fillId="0" borderId="34" xfId="6" applyFont="1" applyBorder="1">
      <alignment vertical="center"/>
    </xf>
    <xf numFmtId="0" fontId="33" fillId="0" borderId="35" xfId="6" applyFont="1" applyBorder="1" applyAlignment="1">
      <alignment horizontal="center" vertical="center"/>
    </xf>
    <xf numFmtId="0" fontId="33" fillId="0" borderId="35" xfId="6" applyFont="1" applyBorder="1" applyAlignment="1">
      <alignment vertical="center" wrapText="1"/>
    </xf>
    <xf numFmtId="0" fontId="33" fillId="0" borderId="36" xfId="6" applyFont="1" applyBorder="1">
      <alignment vertical="center"/>
    </xf>
    <xf numFmtId="0" fontId="42" fillId="0" borderId="0" xfId="6" applyFont="1" applyAlignment="1">
      <alignment horizontal="center" vertical="center"/>
    </xf>
    <xf numFmtId="0" fontId="36" fillId="0" borderId="0" xfId="6" applyFont="1" applyAlignment="1">
      <alignment horizontal="center" vertical="center"/>
    </xf>
    <xf numFmtId="0" fontId="33" fillId="0" borderId="0" xfId="6" applyFont="1" applyAlignment="1">
      <alignment horizontal="center" vertical="center"/>
    </xf>
    <xf numFmtId="0" fontId="33" fillId="0" borderId="13" xfId="6" applyFont="1" applyBorder="1" applyAlignment="1">
      <alignment horizontal="center" vertical="center"/>
    </xf>
    <xf numFmtId="0" fontId="33" fillId="0" borderId="13" xfId="6" applyFont="1" applyBorder="1" applyAlignment="1">
      <alignment horizontal="center" vertical="center" wrapText="1"/>
    </xf>
    <xf numFmtId="0" fontId="33" fillId="0" borderId="12" xfId="6" applyFont="1" applyBorder="1" applyAlignment="1">
      <alignment vertical="center" wrapText="1"/>
    </xf>
    <xf numFmtId="0" fontId="33" fillId="0" borderId="4" xfId="0" applyFont="1" applyBorder="1">
      <alignment vertical="center"/>
    </xf>
    <xf numFmtId="0" fontId="33" fillId="0" borderId="9" xfId="0" applyFont="1" applyBorder="1" applyAlignment="1">
      <alignment horizontal="center" vertical="center" wrapText="1"/>
    </xf>
    <xf numFmtId="177" fontId="31" fillId="0" borderId="9" xfId="0" applyNumberFormat="1" applyFont="1" applyFill="1" applyBorder="1" applyAlignment="1">
      <alignment horizontal="center" vertical="center"/>
    </xf>
    <xf numFmtId="0" fontId="8" fillId="0" borderId="6" xfId="0" applyFont="1" applyBorder="1">
      <alignment vertical="center"/>
    </xf>
    <xf numFmtId="0" fontId="8" fillId="0" borderId="7" xfId="0" applyFont="1" applyFill="1" applyBorder="1" applyAlignment="1">
      <alignment horizontal="center" vertical="center" wrapText="1"/>
    </xf>
    <xf numFmtId="0" fontId="8" fillId="0" borderId="7" xfId="0" applyFont="1" applyFill="1" applyBorder="1" applyAlignment="1">
      <alignment vertical="center" wrapText="1"/>
    </xf>
    <xf numFmtId="0" fontId="8" fillId="0" borderId="19" xfId="0" applyFont="1" applyFill="1" applyBorder="1" applyAlignment="1">
      <alignment vertical="center" wrapText="1"/>
    </xf>
    <xf numFmtId="0" fontId="15" fillId="0" borderId="0" xfId="6" applyFont="1" applyBorder="1" applyAlignment="1">
      <alignment horizontal="left" vertical="center" wrapText="1"/>
    </xf>
    <xf numFmtId="0" fontId="55" fillId="0" borderId="1" xfId="0" applyFont="1" applyBorder="1" applyAlignment="1">
      <alignment horizontal="center" vertical="center"/>
    </xf>
    <xf numFmtId="0" fontId="55" fillId="0" borderId="2" xfId="0" applyFont="1" applyBorder="1">
      <alignment vertical="center"/>
    </xf>
    <xf numFmtId="0" fontId="33" fillId="0" borderId="19" xfId="0" applyFont="1" applyFill="1" applyBorder="1" applyAlignment="1" applyProtection="1">
      <alignment horizontal="center" vertical="center"/>
      <protection locked="0"/>
    </xf>
    <xf numFmtId="0" fontId="56" fillId="0" borderId="1" xfId="0" applyFont="1" applyBorder="1" applyAlignment="1">
      <alignment horizontal="center" vertical="center"/>
    </xf>
    <xf numFmtId="0" fontId="56" fillId="0" borderId="2" xfId="0" applyFont="1" applyBorder="1">
      <alignment vertical="center"/>
    </xf>
    <xf numFmtId="0" fontId="55" fillId="0" borderId="3" xfId="0" applyFont="1" applyFill="1" applyBorder="1" applyAlignment="1">
      <alignment horizontal="center" vertical="center"/>
    </xf>
    <xf numFmtId="0" fontId="55" fillId="0" borderId="4" xfId="0" applyFont="1" applyFill="1" applyBorder="1">
      <alignment vertical="center"/>
    </xf>
    <xf numFmtId="0" fontId="8" fillId="0" borderId="2" xfId="0" applyFont="1" applyFill="1" applyBorder="1" applyAlignment="1">
      <alignment horizontal="center" vertical="center" wrapText="1"/>
    </xf>
    <xf numFmtId="0" fontId="8" fillId="0" borderId="2" xfId="0" applyFont="1" applyFill="1" applyBorder="1" applyAlignment="1">
      <alignment vertical="center" wrapText="1"/>
    </xf>
    <xf numFmtId="0" fontId="33" fillId="0" borderId="12" xfId="6" applyFont="1" applyBorder="1" applyAlignment="1">
      <alignment horizontal="center" vertical="center"/>
    </xf>
    <xf numFmtId="0" fontId="33" fillId="0" borderId="13" xfId="6" applyFont="1" applyBorder="1" applyAlignment="1">
      <alignment vertical="center" wrapText="1"/>
    </xf>
    <xf numFmtId="0" fontId="33" fillId="0" borderId="11" xfId="6" applyFont="1" applyBorder="1" applyAlignment="1">
      <alignment horizontal="center" vertical="center" wrapText="1"/>
    </xf>
    <xf numFmtId="0" fontId="48" fillId="0" borderId="0" xfId="0" applyFont="1" applyBorder="1">
      <alignment vertical="center"/>
    </xf>
    <xf numFmtId="0" fontId="8" fillId="0" borderId="0" xfId="0" applyFont="1" applyBorder="1" applyAlignment="1">
      <alignment horizontal="center" vertical="center"/>
    </xf>
    <xf numFmtId="0" fontId="13" fillId="0" borderId="0" xfId="0" applyFont="1" applyAlignment="1">
      <alignment horizontal="right" vertical="top"/>
    </xf>
    <xf numFmtId="0" fontId="33" fillId="0" borderId="11" xfId="0" applyFont="1" applyFill="1" applyBorder="1" applyAlignment="1">
      <alignment vertical="center" wrapText="1"/>
    </xf>
    <xf numFmtId="0" fontId="33" fillId="0" borderId="5" xfId="0" applyFont="1" applyBorder="1">
      <alignment vertical="center"/>
    </xf>
    <xf numFmtId="0" fontId="8" fillId="3" borderId="28" xfId="0" applyFont="1" applyFill="1" applyBorder="1" applyAlignment="1">
      <alignment horizontal="center" vertical="center" wrapText="1"/>
    </xf>
    <xf numFmtId="0" fontId="8" fillId="0" borderId="12" xfId="6" applyFont="1" applyBorder="1" applyAlignment="1">
      <alignment horizontal="center" vertical="center"/>
    </xf>
    <xf numFmtId="0" fontId="72" fillId="0" borderId="5" xfId="0" applyFont="1" applyFill="1" applyBorder="1" applyAlignment="1">
      <alignment vertical="center" wrapText="1"/>
    </xf>
    <xf numFmtId="0" fontId="8" fillId="0" borderId="26" xfId="0" applyFont="1" applyFill="1" applyBorder="1" applyAlignment="1">
      <alignment horizontal="left" vertical="center" wrapText="1"/>
    </xf>
    <xf numFmtId="0" fontId="72" fillId="0" borderId="30" xfId="0" applyFont="1" applyFill="1" applyBorder="1" applyAlignment="1">
      <alignment vertical="center" wrapText="1"/>
    </xf>
    <xf numFmtId="0" fontId="72" fillId="0" borderId="30" xfId="0" applyFont="1" applyBorder="1" applyAlignment="1">
      <alignment vertical="center" wrapText="1"/>
    </xf>
    <xf numFmtId="0" fontId="8" fillId="0" borderId="9" xfId="0" applyFont="1" applyFill="1" applyBorder="1" applyAlignment="1">
      <alignment horizontal="center" vertical="center" wrapText="1"/>
    </xf>
    <xf numFmtId="0" fontId="8" fillId="0" borderId="9" xfId="0" applyFont="1" applyFill="1" applyBorder="1" applyAlignment="1">
      <alignment vertical="center" wrapText="1"/>
    </xf>
    <xf numFmtId="0" fontId="33" fillId="0" borderId="26" xfId="0" applyFont="1" applyFill="1" applyBorder="1" applyAlignment="1">
      <alignment vertical="center" wrapText="1"/>
    </xf>
    <xf numFmtId="0" fontId="33" fillId="0" borderId="9" xfId="0" applyFont="1" applyFill="1" applyBorder="1" applyAlignment="1">
      <alignment vertical="center" wrapText="1"/>
    </xf>
    <xf numFmtId="0" fontId="73" fillId="0" borderId="5" xfId="0" applyFont="1" applyFill="1" applyBorder="1" applyAlignment="1" applyProtection="1">
      <alignment horizontal="left" vertical="center" shrinkToFit="1"/>
      <protection locked="0"/>
    </xf>
    <xf numFmtId="0" fontId="8" fillId="0" borderId="42" xfId="0" applyFont="1" applyFill="1" applyBorder="1" applyAlignment="1">
      <alignment vertical="center" wrapText="1"/>
    </xf>
    <xf numFmtId="0" fontId="33" fillId="0" borderId="30" xfId="6" applyFont="1" applyFill="1" applyBorder="1" applyAlignment="1">
      <alignment vertical="center" wrapText="1"/>
    </xf>
    <xf numFmtId="0" fontId="8" fillId="0" borderId="3" xfId="0" applyFont="1" applyBorder="1">
      <alignment vertical="center"/>
    </xf>
    <xf numFmtId="0" fontId="33" fillId="0" borderId="9" xfId="0" applyFont="1" applyFill="1" applyBorder="1" applyAlignment="1" applyProtection="1">
      <alignment horizontal="center" vertical="center"/>
      <protection locked="0"/>
    </xf>
    <xf numFmtId="0" fontId="33" fillId="0" borderId="11" xfId="0" applyFont="1" applyBorder="1" applyAlignment="1">
      <alignment horizontal="center" vertical="center"/>
    </xf>
    <xf numFmtId="0" fontId="33" fillId="0" borderId="12" xfId="0" applyFont="1" applyBorder="1" applyAlignment="1">
      <alignment horizontal="center" vertical="center"/>
    </xf>
    <xf numFmtId="0" fontId="33" fillId="0" borderId="10" xfId="0" applyFont="1" applyBorder="1" applyAlignment="1">
      <alignment horizontal="center" vertical="center"/>
    </xf>
    <xf numFmtId="0" fontId="33" fillId="0" borderId="11" xfId="0" applyFont="1" applyFill="1" applyBorder="1" applyAlignment="1" applyProtection="1">
      <alignment horizontal="center" vertical="center"/>
      <protection locked="0"/>
    </xf>
    <xf numFmtId="0" fontId="8" fillId="3" borderId="11" xfId="0" applyFont="1" applyFill="1" applyBorder="1" applyAlignment="1">
      <alignment horizontal="center" vertical="center" wrapText="1"/>
    </xf>
    <xf numFmtId="0" fontId="8" fillId="3" borderId="24" xfId="0" applyFont="1" applyFill="1" applyBorder="1" applyAlignment="1">
      <alignment horizontal="center" vertical="center" wrapText="1"/>
    </xf>
    <xf numFmtId="0" fontId="8" fillId="0" borderId="12" xfId="0" applyFont="1" applyFill="1" applyBorder="1" applyAlignment="1">
      <alignment horizontal="left" vertical="center" wrapText="1"/>
    </xf>
    <xf numFmtId="0" fontId="8" fillId="0" borderId="41" xfId="0" applyFont="1" applyFill="1" applyBorder="1" applyAlignment="1">
      <alignment horizontal="left" vertical="center" wrapText="1"/>
    </xf>
    <xf numFmtId="0" fontId="8" fillId="0" borderId="22" xfId="0" applyFont="1" applyFill="1" applyBorder="1" applyAlignment="1">
      <alignment horizontal="left" vertical="center" wrapText="1"/>
    </xf>
    <xf numFmtId="0" fontId="8" fillId="0" borderId="30" xfId="0" applyFont="1" applyFill="1" applyBorder="1" applyAlignment="1">
      <alignment horizontal="left" vertical="center" wrapText="1"/>
    </xf>
    <xf numFmtId="0" fontId="33" fillId="0" borderId="10" xfId="0" applyFont="1" applyBorder="1" applyAlignment="1">
      <alignment horizontal="center" vertical="center"/>
    </xf>
    <xf numFmtId="0" fontId="8" fillId="3" borderId="11" xfId="0" applyFont="1" applyFill="1" applyBorder="1" applyAlignment="1">
      <alignment horizontal="center" vertical="center" wrapText="1"/>
    </xf>
    <xf numFmtId="0" fontId="8" fillId="3" borderId="24" xfId="0" applyFont="1" applyFill="1" applyBorder="1" applyAlignment="1">
      <alignment horizontal="center" vertical="center" wrapText="1"/>
    </xf>
    <xf numFmtId="0" fontId="43" fillId="0" borderId="29" xfId="0" applyFont="1" applyBorder="1" applyAlignment="1">
      <alignment vertical="center" wrapText="1"/>
    </xf>
    <xf numFmtId="0" fontId="33" fillId="0" borderId="0" xfId="0" applyFont="1" applyAlignment="1"/>
    <xf numFmtId="0" fontId="33" fillId="0" borderId="0" xfId="0" quotePrefix="1" applyFont="1" applyAlignment="1">
      <alignment horizontal="right"/>
    </xf>
    <xf numFmtId="49" fontId="33" fillId="0" borderId="0" xfId="0" applyNumberFormat="1" applyFont="1" applyAlignment="1"/>
    <xf numFmtId="0" fontId="33" fillId="0" borderId="0" xfId="0" applyFont="1" applyAlignment="1">
      <alignment horizontal="right"/>
    </xf>
    <xf numFmtId="0" fontId="13" fillId="0" borderId="44" xfId="0" applyFont="1" applyBorder="1" applyAlignment="1">
      <alignment horizontal="left"/>
    </xf>
    <xf numFmtId="0" fontId="13" fillId="0" borderId="45" xfId="0" applyFont="1" applyBorder="1" applyAlignment="1"/>
    <xf numFmtId="0" fontId="13" fillId="0" borderId="46" xfId="0" applyFont="1" applyBorder="1" applyAlignment="1"/>
    <xf numFmtId="49" fontId="13" fillId="0" borderId="45" xfId="0" applyNumberFormat="1" applyFont="1" applyBorder="1" applyAlignment="1">
      <alignment horizontal="center"/>
    </xf>
    <xf numFmtId="0" fontId="13" fillId="0" borderId="1" xfId="0" applyFont="1" applyFill="1" applyBorder="1">
      <alignment vertical="center"/>
    </xf>
    <xf numFmtId="0" fontId="13" fillId="0" borderId="2" xfId="0" applyFont="1" applyFill="1" applyBorder="1" applyAlignment="1"/>
    <xf numFmtId="0" fontId="13" fillId="0" borderId="1" xfId="0" applyFont="1" applyFill="1" applyBorder="1" applyAlignment="1">
      <alignment horizontal="left" vertical="center"/>
    </xf>
    <xf numFmtId="0" fontId="13" fillId="0" borderId="0" xfId="0" applyFont="1" applyFill="1" applyAlignment="1"/>
    <xf numFmtId="0" fontId="13" fillId="0" borderId="3" xfId="0" applyFont="1" applyFill="1" applyBorder="1" applyAlignment="1"/>
    <xf numFmtId="0" fontId="13" fillId="0" borderId="4" xfId="0" applyFont="1" applyFill="1" applyBorder="1" applyAlignment="1"/>
    <xf numFmtId="0" fontId="13" fillId="0" borderId="3" xfId="0" applyFont="1" applyFill="1" applyBorder="1" applyAlignment="1">
      <alignment horizontal="left" vertical="center"/>
    </xf>
    <xf numFmtId="0" fontId="13" fillId="0" borderId="5" xfId="0" applyFont="1" applyFill="1" applyBorder="1" applyAlignment="1"/>
    <xf numFmtId="0" fontId="13" fillId="0" borderId="6" xfId="0" applyFont="1" applyFill="1" applyBorder="1">
      <alignment vertical="center"/>
    </xf>
    <xf numFmtId="0" fontId="13" fillId="0" borderId="14" xfId="0" applyFont="1" applyFill="1" applyBorder="1" applyAlignment="1"/>
    <xf numFmtId="0" fontId="13" fillId="0" borderId="6" xfId="0" applyFont="1" applyFill="1" applyBorder="1" applyAlignment="1">
      <alignment horizontal="left" vertical="center"/>
    </xf>
    <xf numFmtId="0" fontId="13" fillId="0" borderId="8" xfId="0" applyFont="1" applyFill="1" applyBorder="1" applyAlignment="1"/>
    <xf numFmtId="0" fontId="13" fillId="0" borderId="28" xfId="0" applyFont="1" applyFill="1" applyBorder="1">
      <alignment vertical="center"/>
    </xf>
    <xf numFmtId="0" fontId="13" fillId="0" borderId="5" xfId="0" applyFont="1" applyFill="1" applyBorder="1">
      <alignment vertical="center"/>
    </xf>
    <xf numFmtId="49" fontId="13" fillId="0" borderId="19" xfId="0" applyNumberFormat="1" applyFont="1" applyFill="1" applyBorder="1" applyAlignment="1">
      <alignment horizontal="center" vertical="center" wrapText="1"/>
    </xf>
    <xf numFmtId="0" fontId="13" fillId="0" borderId="19" xfId="0" applyFont="1" applyFill="1" applyBorder="1">
      <alignment vertical="center"/>
    </xf>
    <xf numFmtId="0" fontId="13" fillId="0" borderId="28" xfId="0" applyFont="1" applyFill="1" applyBorder="1" applyAlignment="1">
      <alignment horizontal="left" vertical="center"/>
    </xf>
    <xf numFmtId="0" fontId="13" fillId="0" borderId="7" xfId="0" applyFont="1" applyFill="1" applyBorder="1">
      <alignment vertical="center"/>
    </xf>
    <xf numFmtId="0" fontId="13" fillId="0" borderId="3" xfId="0" applyFont="1" applyBorder="1">
      <alignment vertical="center"/>
    </xf>
    <xf numFmtId="0" fontId="13" fillId="0" borderId="3" xfId="0" applyFont="1" applyBorder="1" applyAlignment="1">
      <alignment horizontal="left" vertical="center"/>
    </xf>
    <xf numFmtId="0" fontId="13" fillId="0" borderId="5" xfId="0" applyFont="1" applyBorder="1">
      <alignment vertical="center"/>
    </xf>
    <xf numFmtId="49" fontId="13" fillId="0" borderId="4" xfId="0" applyNumberFormat="1" applyFont="1" applyBorder="1" applyAlignment="1">
      <alignment horizontal="center" vertical="center" wrapText="1"/>
    </xf>
    <xf numFmtId="0" fontId="13" fillId="0" borderId="28" xfId="0" applyFont="1" applyBorder="1">
      <alignment vertical="center"/>
    </xf>
    <xf numFmtId="0" fontId="8" fillId="0" borderId="19" xfId="0" applyFont="1" applyBorder="1">
      <alignment vertical="center"/>
    </xf>
    <xf numFmtId="49" fontId="13" fillId="0" borderId="19" xfId="0" applyNumberFormat="1" applyFont="1" applyBorder="1" applyAlignment="1">
      <alignment horizontal="center" vertical="center" wrapText="1"/>
    </xf>
    <xf numFmtId="0" fontId="33" fillId="0" borderId="0" xfId="0" applyFont="1" applyAlignment="1">
      <alignment horizontal="left"/>
    </xf>
    <xf numFmtId="0" fontId="13" fillId="0" borderId="0" xfId="0" applyFont="1">
      <alignment vertical="center"/>
    </xf>
    <xf numFmtId="0" fontId="13" fillId="0" borderId="0" xfId="0" applyFont="1" applyAlignment="1">
      <alignment horizontal="left" vertical="center"/>
    </xf>
    <xf numFmtId="49" fontId="13" fillId="0" borderId="0" xfId="0" applyNumberFormat="1" applyFont="1" applyAlignment="1">
      <alignment horizontal="center" vertical="center" wrapText="1"/>
    </xf>
    <xf numFmtId="0" fontId="15" fillId="0" borderId="0" xfId="0" applyFont="1" applyAlignment="1">
      <alignment horizontal="left" vertical="center"/>
    </xf>
    <xf numFmtId="0" fontId="15" fillId="0" borderId="0" xfId="0" applyFont="1" applyAlignment="1"/>
    <xf numFmtId="49" fontId="15" fillId="0" borderId="0" xfId="0" applyNumberFormat="1" applyFont="1" applyAlignment="1">
      <alignment horizontal="center" vertical="center" wrapText="1"/>
    </xf>
    <xf numFmtId="0" fontId="8" fillId="0" borderId="0" xfId="0" applyFont="1" applyAlignment="1"/>
    <xf numFmtId="49" fontId="15" fillId="0" borderId="0" xfId="0" applyNumberFormat="1" applyFont="1" applyAlignment="1"/>
    <xf numFmtId="0" fontId="75" fillId="0" borderId="0" xfId="0" applyFont="1" applyAlignment="1"/>
    <xf numFmtId="0" fontId="76" fillId="0" borderId="0" xfId="0" applyFont="1">
      <alignment vertical="center"/>
    </xf>
    <xf numFmtId="0" fontId="76" fillId="0" borderId="0" xfId="0" applyFont="1" applyAlignment="1"/>
    <xf numFmtId="0" fontId="76" fillId="0" borderId="0" xfId="0" applyFont="1" applyAlignment="1">
      <alignment horizontal="center"/>
    </xf>
    <xf numFmtId="0" fontId="8" fillId="0" borderId="0" xfId="9" applyFont="1" applyAlignment="1">
      <alignment vertical="center" wrapText="1"/>
    </xf>
    <xf numFmtId="0" fontId="33" fillId="0" borderId="0" xfId="0" applyFont="1" applyFill="1" applyAlignment="1"/>
    <xf numFmtId="0" fontId="13" fillId="0" borderId="1" xfId="0" applyFont="1" applyFill="1" applyBorder="1" applyAlignment="1"/>
    <xf numFmtId="0" fontId="13" fillId="0" borderId="3" xfId="0" applyFont="1" applyFill="1" applyBorder="1">
      <alignment vertical="center"/>
    </xf>
    <xf numFmtId="49" fontId="13" fillId="0" borderId="4" xfId="9" applyNumberFormat="1" applyFont="1" applyFill="1" applyBorder="1" applyAlignment="1">
      <alignment horizontal="center" vertical="center" wrapText="1"/>
    </xf>
    <xf numFmtId="49" fontId="13" fillId="0" borderId="19" xfId="9" applyNumberFormat="1" applyFont="1" applyFill="1" applyBorder="1" applyAlignment="1">
      <alignment horizontal="center" vertical="center" wrapText="1"/>
    </xf>
    <xf numFmtId="0" fontId="13" fillId="0" borderId="19" xfId="0" applyFont="1" applyBorder="1">
      <alignment vertical="center"/>
    </xf>
    <xf numFmtId="0" fontId="13" fillId="0" borderId="7" xfId="0" applyFont="1" applyBorder="1">
      <alignment vertical="center"/>
    </xf>
    <xf numFmtId="0" fontId="33" fillId="0" borderId="0" xfId="0" quotePrefix="1" applyFont="1" applyAlignment="1"/>
    <xf numFmtId="0" fontId="60" fillId="0" borderId="0" xfId="2" applyFont="1">
      <alignment vertical="center"/>
    </xf>
    <xf numFmtId="0" fontId="33" fillId="0" borderId="0" xfId="2" applyFont="1">
      <alignment vertical="center"/>
    </xf>
    <xf numFmtId="56" fontId="33" fillId="0" borderId="0" xfId="2" quotePrefix="1" applyNumberFormat="1" applyFont="1" applyAlignment="1">
      <alignment horizontal="right" vertical="center"/>
    </xf>
    <xf numFmtId="0" fontId="13" fillId="0" borderId="0" xfId="2" applyFont="1">
      <alignment vertical="center"/>
    </xf>
    <xf numFmtId="0" fontId="33" fillId="0" borderId="5" xfId="2" applyFont="1" applyBorder="1" applyAlignment="1">
      <alignment horizontal="center" vertical="center" wrapText="1"/>
    </xf>
    <xf numFmtId="0" fontId="33" fillId="0" borderId="0" xfId="2" applyFont="1" applyAlignment="1">
      <alignment horizontal="right" vertical="center"/>
    </xf>
    <xf numFmtId="0" fontId="13" fillId="0" borderId="8" xfId="2" applyFont="1" applyBorder="1" applyAlignment="1">
      <alignment horizontal="center" vertical="center" wrapText="1"/>
    </xf>
    <xf numFmtId="0" fontId="13" fillId="0" borderId="8" xfId="2" applyFont="1" applyBorder="1" applyAlignment="1">
      <alignment horizontal="right" vertical="center"/>
    </xf>
    <xf numFmtId="0" fontId="15" fillId="0" borderId="0" xfId="2" applyFont="1">
      <alignment vertical="center"/>
    </xf>
    <xf numFmtId="0" fontId="15" fillId="0" borderId="0" xfId="2" applyFont="1" applyAlignment="1">
      <alignment horizontal="center" vertical="center"/>
    </xf>
    <xf numFmtId="0" fontId="36" fillId="0" borderId="0" xfId="2" applyFont="1">
      <alignment vertical="center"/>
    </xf>
    <xf numFmtId="0" fontId="46" fillId="0" borderId="0" xfId="2" applyFont="1">
      <alignment vertical="center"/>
    </xf>
    <xf numFmtId="0" fontId="33" fillId="0" borderId="55" xfId="2" applyFont="1" applyBorder="1" applyAlignment="1">
      <alignment horizontal="center" vertical="center"/>
    </xf>
    <xf numFmtId="0" fontId="33" fillId="0" borderId="44" xfId="2" applyFont="1" applyBorder="1" applyAlignment="1">
      <alignment horizontal="center" vertical="center" wrapText="1"/>
    </xf>
    <xf numFmtId="0" fontId="33" fillId="0" borderId="10" xfId="2" applyFont="1" applyBorder="1" applyAlignment="1">
      <alignment horizontal="left" vertical="center" wrapText="1"/>
    </xf>
    <xf numFmtId="0" fontId="33" fillId="0" borderId="19" xfId="2" applyFont="1" applyBorder="1" applyAlignment="1">
      <alignment horizontal="center" vertical="center" wrapText="1"/>
    </xf>
    <xf numFmtId="0" fontId="33" fillId="0" borderId="10" xfId="2" applyFont="1" applyBorder="1" applyAlignment="1">
      <alignment vertical="center" wrapText="1"/>
    </xf>
    <xf numFmtId="0" fontId="33" fillId="0" borderId="11" xfId="2" applyFont="1" applyBorder="1" applyAlignment="1">
      <alignment horizontal="center" vertical="center"/>
    </xf>
    <xf numFmtId="0" fontId="33" fillId="0" borderId="6" xfId="2" applyFont="1" applyBorder="1" applyAlignment="1">
      <alignment horizontal="center" vertical="center"/>
    </xf>
    <xf numFmtId="0" fontId="33" fillId="0" borderId="28" xfId="2" applyFont="1" applyFill="1" applyBorder="1" applyAlignment="1">
      <alignment horizontal="center" vertical="center" wrapText="1"/>
    </xf>
    <xf numFmtId="0" fontId="33" fillId="0" borderId="9" xfId="0" applyFont="1" applyBorder="1" applyAlignment="1">
      <alignment vertical="center" wrapText="1"/>
    </xf>
    <xf numFmtId="49" fontId="33" fillId="0" borderId="9" xfId="0" applyNumberFormat="1" applyFont="1" applyBorder="1">
      <alignment vertical="center"/>
    </xf>
    <xf numFmtId="0" fontId="79" fillId="0" borderId="0" xfId="2" applyFont="1">
      <alignment vertical="center"/>
    </xf>
    <xf numFmtId="0" fontId="33" fillId="0" borderId="28" xfId="2" applyFont="1" applyFill="1" applyBorder="1" applyAlignment="1">
      <alignment horizontal="center" vertical="center"/>
    </xf>
    <xf numFmtId="0" fontId="33" fillId="0" borderId="9" xfId="0" applyFont="1" applyBorder="1" applyAlignment="1">
      <alignment horizontal="left" vertical="center" wrapText="1"/>
    </xf>
    <xf numFmtId="0" fontId="33" fillId="0" borderId="0" xfId="2" applyFont="1" applyAlignment="1">
      <alignment horizontal="center" vertical="center"/>
    </xf>
    <xf numFmtId="0" fontId="8" fillId="0" borderId="0" xfId="2" applyFont="1" applyAlignment="1">
      <alignment horizontal="left" vertical="center"/>
    </xf>
    <xf numFmtId="49" fontId="8" fillId="0" borderId="0" xfId="0" applyNumberFormat="1" applyFont="1">
      <alignment vertical="center"/>
    </xf>
    <xf numFmtId="0" fontId="8" fillId="0" borderId="0" xfId="2" applyFont="1" applyAlignment="1">
      <alignment horizontal="left" vertical="center" wrapText="1" indent="1"/>
    </xf>
    <xf numFmtId="0" fontId="13" fillId="0" borderId="0" xfId="2" applyFont="1" applyAlignment="1" applyProtection="1">
      <alignment horizontal="center" vertical="center" wrapText="1"/>
      <protection locked="0"/>
    </xf>
    <xf numFmtId="0" fontId="13" fillId="0" borderId="0" xfId="2" applyFont="1" applyAlignment="1" applyProtection="1">
      <alignment horizontal="center" vertical="center"/>
      <protection locked="0"/>
    </xf>
    <xf numFmtId="0" fontId="48" fillId="0" borderId="0" xfId="2" applyFont="1" applyAlignment="1">
      <alignment horizontal="center" vertical="center" wrapText="1"/>
    </xf>
    <xf numFmtId="0" fontId="33" fillId="0" borderId="0" xfId="11" applyFont="1" applyAlignment="1">
      <alignment vertical="center" wrapText="1"/>
    </xf>
    <xf numFmtId="0" fontId="80" fillId="0" borderId="0" xfId="2" applyFont="1">
      <alignment vertical="center"/>
    </xf>
    <xf numFmtId="0" fontId="13" fillId="0" borderId="0" xfId="2" applyFont="1" applyAlignment="1">
      <alignment horizontal="left" vertical="center"/>
    </xf>
    <xf numFmtId="0" fontId="55" fillId="0" borderId="0" xfId="2" applyFont="1">
      <alignment vertical="center"/>
    </xf>
    <xf numFmtId="0" fontId="33" fillId="0" borderId="12" xfId="2" applyFont="1" applyBorder="1" applyAlignment="1">
      <alignment horizontal="center" vertical="center"/>
    </xf>
    <xf numFmtId="0" fontId="33" fillId="0" borderId="12" xfId="2" applyFont="1" applyBorder="1" applyAlignment="1">
      <alignment horizontal="left" vertical="center" wrapText="1"/>
    </xf>
    <xf numFmtId="0" fontId="33" fillId="0" borderId="9" xfId="2" applyFont="1" applyBorder="1" applyAlignment="1">
      <alignment horizontal="center" vertical="center"/>
    </xf>
    <xf numFmtId="49" fontId="33" fillId="0" borderId="19" xfId="0" applyNumberFormat="1" applyFont="1" applyBorder="1">
      <alignment vertical="center"/>
    </xf>
    <xf numFmtId="0" fontId="36" fillId="0" borderId="0" xfId="2" quotePrefix="1" applyFont="1" applyAlignment="1">
      <alignment horizontal="center" vertical="center"/>
    </xf>
    <xf numFmtId="0" fontId="13" fillId="0" borderId="0" xfId="0" applyFont="1" applyAlignment="1">
      <alignment horizontal="right" vertical="center"/>
    </xf>
    <xf numFmtId="0" fontId="13" fillId="0" borderId="0" xfId="11" applyFont="1">
      <alignment vertical="center"/>
    </xf>
    <xf numFmtId="0" fontId="33" fillId="0" borderId="10" xfId="2" applyFont="1" applyBorder="1" applyAlignment="1">
      <alignment horizontal="center" vertical="center"/>
    </xf>
    <xf numFmtId="0" fontId="33" fillId="0" borderId="10" xfId="0" applyFont="1" applyBorder="1" applyAlignment="1">
      <alignment horizontal="left" vertical="center" wrapText="1"/>
    </xf>
    <xf numFmtId="0" fontId="33" fillId="0" borderId="9" xfId="0" applyFont="1" applyFill="1" applyBorder="1" applyAlignment="1">
      <alignment horizontal="left" vertical="center" wrapText="1"/>
    </xf>
    <xf numFmtId="49" fontId="33" fillId="0" borderId="9" xfId="0" applyNumberFormat="1" applyFont="1" applyFill="1" applyBorder="1">
      <alignment vertical="center"/>
    </xf>
    <xf numFmtId="0" fontId="81" fillId="0" borderId="0" xfId="2" applyFont="1">
      <alignment vertical="center"/>
    </xf>
    <xf numFmtId="0" fontId="8" fillId="0" borderId="0" xfId="2" applyFont="1" applyAlignment="1">
      <alignment horizontal="center" vertical="center"/>
    </xf>
    <xf numFmtId="0" fontId="8" fillId="0" borderId="8" xfId="2" applyFont="1" applyBorder="1" applyAlignment="1">
      <alignment horizontal="left" vertical="center"/>
    </xf>
    <xf numFmtId="0" fontId="48" fillId="0" borderId="0" xfId="2" applyFont="1" applyAlignment="1">
      <alignment horizontal="left" vertical="center" wrapText="1" indent="1"/>
    </xf>
    <xf numFmtId="0" fontId="8" fillId="0" borderId="0" xfId="2" applyFont="1" applyAlignment="1" applyProtection="1">
      <alignment horizontal="center" vertical="center" wrapText="1"/>
      <protection locked="0"/>
    </xf>
    <xf numFmtId="0" fontId="8" fillId="0" borderId="0" xfId="2" applyFont="1" applyAlignment="1" applyProtection="1">
      <alignment horizontal="center" vertical="center"/>
      <protection locked="0"/>
    </xf>
    <xf numFmtId="0" fontId="8" fillId="0" borderId="0" xfId="0" applyFont="1" applyAlignment="1">
      <alignment vertical="center" wrapText="1"/>
    </xf>
    <xf numFmtId="0" fontId="8" fillId="0" borderId="10" xfId="0" applyFont="1" applyBorder="1" applyAlignment="1">
      <alignment horizontal="left" vertical="center" wrapText="1"/>
    </xf>
    <xf numFmtId="0" fontId="48" fillId="0" borderId="19" xfId="2" applyFont="1" applyBorder="1" applyAlignment="1">
      <alignment horizontal="center" vertical="center" wrapText="1"/>
    </xf>
    <xf numFmtId="0" fontId="8" fillId="0" borderId="9" xfId="2" applyFont="1" applyBorder="1" applyAlignment="1">
      <alignment horizontal="left" vertical="center" wrapText="1"/>
    </xf>
    <xf numFmtId="0" fontId="8" fillId="0" borderId="9" xfId="2" applyFont="1" applyBorder="1" applyAlignment="1">
      <alignment horizontal="left" vertical="center"/>
    </xf>
    <xf numFmtId="0" fontId="33" fillId="0" borderId="30" xfId="0" applyFont="1" applyBorder="1" applyAlignment="1">
      <alignment horizontal="left" vertical="center" wrapText="1"/>
    </xf>
    <xf numFmtId="0" fontId="48" fillId="0" borderId="0" xfId="2" applyFont="1" applyAlignment="1">
      <alignment vertical="center" wrapText="1"/>
    </xf>
    <xf numFmtId="0" fontId="70" fillId="0" borderId="0" xfId="2" applyFont="1">
      <alignment vertical="center"/>
    </xf>
    <xf numFmtId="0" fontId="8" fillId="0" borderId="55" xfId="2" applyFont="1" applyBorder="1" applyAlignment="1">
      <alignment horizontal="center" vertical="center"/>
    </xf>
    <xf numFmtId="0" fontId="8" fillId="0" borderId="10" xfId="2" applyFont="1" applyBorder="1" applyAlignment="1">
      <alignment horizontal="center" vertical="center"/>
    </xf>
    <xf numFmtId="0" fontId="33" fillId="0" borderId="0" xfId="2" applyFont="1" applyAlignment="1" applyProtection="1">
      <alignment horizontal="center" vertical="center"/>
      <protection locked="0"/>
    </xf>
    <xf numFmtId="0" fontId="8" fillId="0" borderId="11" xfId="2" applyFont="1" applyBorder="1" applyAlignment="1">
      <alignment horizontal="center" vertical="center" wrapText="1"/>
    </xf>
    <xf numFmtId="0" fontId="8" fillId="0" borderId="64" xfId="2" applyFont="1" applyBorder="1" applyAlignment="1">
      <alignment horizontal="center" vertical="center"/>
    </xf>
    <xf numFmtId="0" fontId="8" fillId="0" borderId="12" xfId="2" applyFont="1" applyBorder="1" applyAlignment="1" applyProtection="1">
      <alignment horizontal="center" vertical="center"/>
      <protection locked="0"/>
    </xf>
    <xf numFmtId="0" fontId="8" fillId="0" borderId="9" xfId="2" applyFont="1" applyBorder="1" applyAlignment="1" applyProtection="1">
      <alignment horizontal="center" vertical="center"/>
      <protection locked="0"/>
    </xf>
    <xf numFmtId="0" fontId="8" fillId="0" borderId="0" xfId="2" applyFont="1" applyAlignment="1">
      <alignment horizontal="left" vertical="center" indent="1"/>
    </xf>
    <xf numFmtId="0" fontId="8" fillId="0" borderId="0" xfId="2" applyFont="1">
      <alignment vertical="center"/>
    </xf>
    <xf numFmtId="0" fontId="48" fillId="0" borderId="0" xfId="2" applyFont="1">
      <alignment vertical="center"/>
    </xf>
    <xf numFmtId="0" fontId="33" fillId="0" borderId="0" xfId="2" applyFont="1" applyAlignment="1">
      <alignment horizontal="left" vertical="center"/>
    </xf>
    <xf numFmtId="0" fontId="8" fillId="0" borderId="0" xfId="0" applyFont="1" applyAlignment="1">
      <alignment horizontal="right"/>
    </xf>
    <xf numFmtId="0" fontId="36" fillId="0" borderId="0" xfId="0" applyFont="1">
      <alignment vertical="center"/>
    </xf>
    <xf numFmtId="0" fontId="33" fillId="0" borderId="0" xfId="0" applyFont="1" applyAlignment="1">
      <alignment horizontal="center" vertical="center"/>
    </xf>
    <xf numFmtId="177" fontId="33" fillId="0" borderId="0" xfId="0" applyNumberFormat="1" applyFont="1" applyAlignment="1">
      <alignment horizontal="center" vertical="center"/>
    </xf>
    <xf numFmtId="0" fontId="33" fillId="0" borderId="0" xfId="0" applyFont="1" applyAlignment="1">
      <alignment vertical="center" wrapText="1"/>
    </xf>
    <xf numFmtId="0" fontId="13" fillId="0" borderId="0" xfId="0" applyFont="1" applyAlignment="1">
      <alignment horizontal="right" vertical="center" shrinkToFit="1"/>
    </xf>
    <xf numFmtId="0" fontId="86" fillId="0" borderId="0" xfId="0" applyFont="1">
      <alignment vertical="center"/>
    </xf>
    <xf numFmtId="0" fontId="55" fillId="0" borderId="0" xfId="0" applyFont="1">
      <alignment vertical="center"/>
    </xf>
    <xf numFmtId="0" fontId="87" fillId="0" borderId="0" xfId="0" applyFont="1" applyAlignment="1">
      <alignment horizontal="center" vertical="center"/>
    </xf>
    <xf numFmtId="0" fontId="88" fillId="0" borderId="0" xfId="0" applyFont="1">
      <alignment vertical="center"/>
    </xf>
    <xf numFmtId="0" fontId="88" fillId="0" borderId="0" xfId="0" applyFont="1" applyAlignment="1">
      <alignment horizontal="center" vertical="center"/>
    </xf>
    <xf numFmtId="177" fontId="88" fillId="0" borderId="0" xfId="0" applyNumberFormat="1" applyFont="1" applyAlignment="1">
      <alignment horizontal="center" vertical="center"/>
    </xf>
    <xf numFmtId="0" fontId="88" fillId="0" borderId="0" xfId="0" applyFont="1" applyAlignment="1">
      <alignment vertical="center" wrapText="1"/>
    </xf>
    <xf numFmtId="0" fontId="17" fillId="0" borderId="0" xfId="0" applyFont="1">
      <alignment vertical="center"/>
    </xf>
    <xf numFmtId="0" fontId="89" fillId="0" borderId="0" xfId="0" applyFont="1">
      <alignment vertical="center"/>
    </xf>
    <xf numFmtId="177" fontId="33" fillId="0" borderId="13" xfId="0" applyNumberFormat="1" applyFont="1" applyBorder="1" applyAlignment="1">
      <alignment horizontal="center" vertical="center"/>
    </xf>
    <xf numFmtId="0" fontId="33" fillId="0" borderId="13" xfId="0" applyFont="1" applyBorder="1" applyAlignment="1">
      <alignment vertical="center" wrapText="1"/>
    </xf>
    <xf numFmtId="0" fontId="33" fillId="0" borderId="13" xfId="0" applyFont="1" applyBorder="1" applyAlignment="1">
      <alignment horizontal="center" vertical="center" wrapText="1" shrinkToFit="1"/>
    </xf>
    <xf numFmtId="0" fontId="87" fillId="0" borderId="0" xfId="0" applyFont="1">
      <alignment vertical="center"/>
    </xf>
    <xf numFmtId="0" fontId="33" fillId="0" borderId="18" xfId="0" applyFont="1" applyBorder="1">
      <alignment vertical="center"/>
    </xf>
    <xf numFmtId="177" fontId="33" fillId="0" borderId="11" xfId="0" applyNumberFormat="1" applyFont="1" applyBorder="1" applyAlignment="1">
      <alignment horizontal="center" vertical="center"/>
    </xf>
    <xf numFmtId="0" fontId="38" fillId="2" borderId="10" xfId="0" applyFont="1" applyFill="1" applyBorder="1" applyAlignment="1">
      <alignment horizontal="center" vertical="center"/>
    </xf>
    <xf numFmtId="177" fontId="33" fillId="0" borderId="10" xfId="0" applyNumberFormat="1" applyFont="1" applyBorder="1" applyAlignment="1">
      <alignment horizontal="center" vertical="center"/>
    </xf>
    <xf numFmtId="0" fontId="33" fillId="0" borderId="9" xfId="0" applyFont="1" applyBorder="1" applyAlignment="1" applyProtection="1">
      <alignment horizontal="center" vertical="center"/>
      <protection locked="0"/>
    </xf>
    <xf numFmtId="177" fontId="33" fillId="0" borderId="9" xfId="0" applyNumberFormat="1" applyFont="1" applyBorder="1" applyAlignment="1">
      <alignment horizontal="center" vertical="center"/>
    </xf>
    <xf numFmtId="0" fontId="33" fillId="0" borderId="0" xfId="0" applyFont="1" applyAlignment="1">
      <alignment horizontal="center" vertical="center" wrapText="1"/>
    </xf>
    <xf numFmtId="177" fontId="33" fillId="0" borderId="8" xfId="0" applyNumberFormat="1" applyFont="1" applyBorder="1" applyAlignment="1">
      <alignment horizontal="center" vertical="center"/>
    </xf>
    <xf numFmtId="0" fontId="33" fillId="0" borderId="14" xfId="0" applyFont="1" applyBorder="1" applyAlignment="1" applyProtection="1">
      <alignment horizontal="center" vertical="center"/>
      <protection locked="0"/>
    </xf>
    <xf numFmtId="0" fontId="38" fillId="5" borderId="11" xfId="0" applyFont="1" applyFill="1" applyBorder="1" applyAlignment="1">
      <alignment horizontal="center" vertical="center"/>
    </xf>
    <xf numFmtId="0" fontId="38" fillId="5" borderId="10" xfId="0" applyFont="1" applyFill="1" applyBorder="1" applyAlignment="1">
      <alignment horizontal="center" vertical="center"/>
    </xf>
    <xf numFmtId="0" fontId="13" fillId="0" borderId="8" xfId="0" applyFont="1" applyBorder="1" applyAlignment="1">
      <alignment horizontal="left" vertical="center"/>
    </xf>
    <xf numFmtId="177" fontId="33" fillId="0" borderId="12" xfId="0" applyNumberFormat="1" applyFont="1" applyBorder="1" applyAlignment="1">
      <alignment horizontal="center" vertical="center"/>
    </xf>
    <xf numFmtId="0" fontId="33" fillId="0" borderId="1" xfId="0" applyFont="1" applyBorder="1" applyAlignment="1">
      <alignment vertical="center" wrapText="1"/>
    </xf>
    <xf numFmtId="0" fontId="33" fillId="0" borderId="14" xfId="0" applyFont="1" applyBorder="1" applyAlignment="1">
      <alignment vertical="center" wrapText="1"/>
    </xf>
    <xf numFmtId="0" fontId="33" fillId="0" borderId="10" xfId="0" applyFont="1" applyBorder="1" applyAlignment="1">
      <alignment vertical="center" shrinkToFit="1"/>
    </xf>
    <xf numFmtId="0" fontId="33" fillId="0" borderId="7" xfId="0" applyFont="1" applyBorder="1" applyAlignment="1">
      <alignment horizontal="left" vertical="center"/>
    </xf>
    <xf numFmtId="177" fontId="33" fillId="0" borderId="19" xfId="0" applyNumberFormat="1" applyFont="1" applyBorder="1" applyAlignment="1">
      <alignment horizontal="center" vertical="center"/>
    </xf>
    <xf numFmtId="0" fontId="38" fillId="2" borderId="9" xfId="0" applyFont="1" applyFill="1" applyBorder="1" applyAlignment="1">
      <alignment horizontal="center" vertical="center" wrapText="1"/>
    </xf>
    <xf numFmtId="0" fontId="33" fillId="0" borderId="19" xfId="0" applyFont="1" applyBorder="1" applyAlignment="1" applyProtection="1">
      <alignment horizontal="center" vertical="center"/>
      <protection locked="0"/>
    </xf>
    <xf numFmtId="0" fontId="33" fillId="0" borderId="7" xfId="0" applyFont="1" applyBorder="1" applyAlignment="1">
      <alignment horizontal="left" vertical="center" wrapText="1"/>
    </xf>
    <xf numFmtId="0" fontId="58" fillId="0" borderId="0" xfId="0" applyFont="1">
      <alignment vertical="center"/>
    </xf>
    <xf numFmtId="0" fontId="33" fillId="0" borderId="8" xfId="0" applyFont="1" applyBorder="1" applyAlignment="1">
      <alignment horizontal="center" vertical="center" wrapText="1"/>
    </xf>
    <xf numFmtId="0" fontId="13" fillId="0" borderId="7" xfId="0" applyFont="1" applyBorder="1" applyAlignment="1">
      <alignment horizontal="left" vertical="center"/>
    </xf>
    <xf numFmtId="177" fontId="33" fillId="0" borderId="7" xfId="0" applyNumberFormat="1" applyFont="1" applyBorder="1" applyAlignment="1">
      <alignment horizontal="center" vertical="center"/>
    </xf>
    <xf numFmtId="0" fontId="33" fillId="0" borderId="7" xfId="0" applyFont="1" applyBorder="1" applyAlignment="1">
      <alignment vertical="center" wrapText="1"/>
    </xf>
    <xf numFmtId="0" fontId="33" fillId="0" borderId="5" xfId="0" applyFont="1" applyBorder="1" applyAlignment="1">
      <alignment horizontal="center" vertical="center"/>
    </xf>
    <xf numFmtId="177" fontId="33" fillId="0" borderId="5" xfId="0" applyNumberFormat="1" applyFont="1" applyBorder="1" applyAlignment="1">
      <alignment horizontal="center" vertical="center"/>
    </xf>
    <xf numFmtId="0" fontId="75" fillId="0" borderId="8" xfId="0" applyFont="1" applyFill="1" applyBorder="1" applyAlignment="1">
      <alignment horizontal="left" vertical="center"/>
    </xf>
    <xf numFmtId="0" fontId="33" fillId="0" borderId="8" xfId="0" applyFont="1" applyFill="1" applyBorder="1" applyAlignment="1">
      <alignment horizontal="center" vertical="center" wrapText="1"/>
    </xf>
    <xf numFmtId="0" fontId="33" fillId="0" borderId="14" xfId="0" applyFont="1" applyFill="1" applyBorder="1" applyAlignment="1" applyProtection="1">
      <alignment horizontal="center" vertical="center"/>
      <protection locked="0"/>
    </xf>
    <xf numFmtId="0" fontId="33" fillId="0" borderId="0" xfId="0" applyFont="1" applyFill="1">
      <alignment vertical="center"/>
    </xf>
    <xf numFmtId="0" fontId="33" fillId="0" borderId="9" xfId="0" applyFont="1" applyFill="1" applyBorder="1" applyAlignment="1">
      <alignment horizontal="center" vertical="center" wrapText="1"/>
    </xf>
    <xf numFmtId="0" fontId="33" fillId="0" borderId="3" xfId="0" applyFont="1" applyFill="1" applyBorder="1" applyAlignment="1">
      <alignment horizontal="center" vertical="center"/>
    </xf>
    <xf numFmtId="0" fontId="33" fillId="0" borderId="5" xfId="0" applyFont="1" applyFill="1" applyBorder="1">
      <alignment vertical="center"/>
    </xf>
    <xf numFmtId="0" fontId="13" fillId="0" borderId="7" xfId="0" applyFont="1" applyFill="1" applyBorder="1" applyAlignment="1">
      <alignment horizontal="left" vertical="center"/>
    </xf>
    <xf numFmtId="177" fontId="33" fillId="0" borderId="7" xfId="0" applyNumberFormat="1" applyFont="1" applyFill="1" applyBorder="1" applyAlignment="1">
      <alignment horizontal="center" vertical="center"/>
    </xf>
    <xf numFmtId="0" fontId="33" fillId="0" borderId="7" xfId="0" applyFont="1" applyFill="1" applyBorder="1" applyAlignment="1">
      <alignment vertical="center" wrapText="1"/>
    </xf>
    <xf numFmtId="0" fontId="91" fillId="0" borderId="1" xfId="0" applyFont="1" applyBorder="1" applyAlignment="1">
      <alignment horizontal="center" vertical="center"/>
    </xf>
    <xf numFmtId="0" fontId="91" fillId="0" borderId="0" xfId="0" applyFont="1">
      <alignment vertical="center"/>
    </xf>
    <xf numFmtId="0" fontId="91" fillId="0" borderId="3" xfId="0" applyFont="1" applyBorder="1" applyAlignment="1">
      <alignment horizontal="center" vertical="center"/>
    </xf>
    <xf numFmtId="0" fontId="91" fillId="0" borderId="5" xfId="0" applyFont="1" applyBorder="1">
      <alignment vertical="center"/>
    </xf>
    <xf numFmtId="0" fontId="92" fillId="0" borderId="7" xfId="0" applyFont="1" applyBorder="1" applyAlignment="1">
      <alignment horizontal="left" vertical="center"/>
    </xf>
    <xf numFmtId="177" fontId="91" fillId="0" borderId="7" xfId="0" applyNumberFormat="1" applyFont="1" applyBorder="1" applyAlignment="1">
      <alignment horizontal="center" vertical="center"/>
    </xf>
    <xf numFmtId="0" fontId="91" fillId="0" borderId="7" xfId="0" applyFont="1" applyBorder="1" applyAlignment="1">
      <alignment vertical="center" wrapText="1"/>
    </xf>
    <xf numFmtId="0" fontId="91" fillId="0" borderId="19" xfId="0" applyFont="1" applyBorder="1" applyAlignment="1" applyProtection="1">
      <alignment horizontal="center" vertical="center"/>
      <protection locked="0"/>
    </xf>
    <xf numFmtId="0" fontId="8" fillId="0" borderId="8" xfId="0" applyFont="1" applyBorder="1">
      <alignment vertical="center"/>
    </xf>
    <xf numFmtId="0" fontId="33" fillId="0" borderId="2" xfId="0" applyFont="1" applyBorder="1" applyAlignment="1">
      <alignment vertical="center" wrapText="1"/>
    </xf>
    <xf numFmtId="0" fontId="33" fillId="0" borderId="0" xfId="0" applyFont="1" applyAlignment="1">
      <alignment horizontal="left" vertical="center" wrapText="1"/>
    </xf>
    <xf numFmtId="0" fontId="33" fillId="0" borderId="0" xfId="0" applyFont="1" applyAlignment="1">
      <alignment horizontal="left" vertical="center"/>
    </xf>
    <xf numFmtId="0" fontId="8" fillId="0" borderId="28" xfId="0" applyFont="1" applyBorder="1">
      <alignment vertical="center"/>
    </xf>
    <xf numFmtId="0" fontId="8" fillId="0" borderId="7" xfId="0" applyFont="1" applyBorder="1" applyAlignment="1">
      <alignment horizontal="center" vertical="center"/>
    </xf>
    <xf numFmtId="0" fontId="8" fillId="0" borderId="7" xfId="0" applyFont="1" applyBorder="1">
      <alignment vertical="center"/>
    </xf>
    <xf numFmtId="0" fontId="32" fillId="0" borderId="6" xfId="0" applyFont="1" applyBorder="1" applyAlignment="1">
      <alignment horizontal="left" vertical="center"/>
    </xf>
    <xf numFmtId="0" fontId="32" fillId="0" borderId="8" xfId="0" applyFont="1" applyBorder="1">
      <alignment vertical="center"/>
    </xf>
    <xf numFmtId="0" fontId="32" fillId="0" borderId="1" xfId="0" applyFont="1" applyBorder="1" applyAlignment="1">
      <alignment horizontal="left" vertical="center"/>
    </xf>
    <xf numFmtId="0" fontId="32" fillId="0" borderId="5" xfId="0" applyFont="1" applyBorder="1">
      <alignment vertical="center"/>
    </xf>
    <xf numFmtId="0" fontId="8" fillId="0" borderId="4" xfId="0" applyFont="1" applyBorder="1">
      <alignment vertical="center"/>
    </xf>
    <xf numFmtId="0" fontId="8" fillId="0" borderId="9" xfId="0" applyFont="1" applyBorder="1" applyAlignment="1">
      <alignment horizontal="left" vertical="center"/>
    </xf>
    <xf numFmtId="0" fontId="8" fillId="0" borderId="14" xfId="0" applyFont="1" applyBorder="1">
      <alignment vertical="center"/>
    </xf>
    <xf numFmtId="0" fontId="93" fillId="0" borderId="11" xfId="0" applyFont="1" applyBorder="1" applyAlignment="1">
      <alignment horizontal="center" vertical="center"/>
    </xf>
    <xf numFmtId="0" fontId="93" fillId="0" borderId="29" xfId="0" applyFont="1" applyBorder="1" applyAlignment="1">
      <alignment vertical="center" wrapText="1"/>
    </xf>
    <xf numFmtId="0" fontId="93" fillId="0" borderId="29" xfId="0" applyFont="1" applyBorder="1" applyAlignment="1">
      <alignment horizontal="center" vertical="center" wrapText="1"/>
    </xf>
    <xf numFmtId="0" fontId="93" fillId="0" borderId="29" xfId="0" applyFont="1" applyBorder="1" applyAlignment="1">
      <alignment horizontal="left" vertical="center"/>
    </xf>
    <xf numFmtId="0" fontId="93" fillId="0" borderId="12" xfId="0" applyFont="1" applyBorder="1" applyAlignment="1">
      <alignment horizontal="center" vertical="center"/>
    </xf>
    <xf numFmtId="0" fontId="93" fillId="0" borderId="12" xfId="0" applyFont="1" applyBorder="1" applyAlignment="1">
      <alignment vertical="center" wrapText="1"/>
    </xf>
    <xf numFmtId="0" fontId="93" fillId="0" borderId="30" xfId="0" applyFont="1" applyBorder="1" applyAlignment="1">
      <alignment horizontal="center" vertical="center" wrapText="1"/>
    </xf>
    <xf numFmtId="0" fontId="93" fillId="0" borderId="43" xfId="0" applyFont="1" applyBorder="1" applyAlignment="1">
      <alignment horizontal="left" vertical="center"/>
    </xf>
    <xf numFmtId="0" fontId="93" fillId="0" borderId="30" xfId="0" applyFont="1" applyBorder="1" applyAlignment="1">
      <alignment horizontal="center" vertical="center"/>
    </xf>
    <xf numFmtId="0" fontId="93" fillId="0" borderId="30" xfId="0" applyFont="1" applyBorder="1" applyAlignment="1">
      <alignment vertical="center" wrapText="1"/>
    </xf>
    <xf numFmtId="0" fontId="93" fillId="0" borderId="71" xfId="0" applyFont="1" applyBorder="1" applyAlignment="1">
      <alignment horizontal="center" vertical="center" wrapText="1"/>
    </xf>
    <xf numFmtId="0" fontId="93" fillId="0" borderId="30" xfId="0" applyFont="1" applyBorder="1" applyAlignment="1">
      <alignment horizontal="left" vertical="center"/>
    </xf>
    <xf numFmtId="0" fontId="93" fillId="0" borderId="30" xfId="0" applyFont="1" applyFill="1" applyBorder="1" applyAlignment="1">
      <alignment horizontal="center" vertical="center"/>
    </xf>
    <xf numFmtId="0" fontId="93" fillId="0" borderId="30" xfId="0" applyFont="1" applyFill="1" applyBorder="1" applyAlignment="1">
      <alignment vertical="center" wrapText="1"/>
    </xf>
    <xf numFmtId="0" fontId="93" fillId="0" borderId="71" xfId="0" applyFont="1" applyFill="1" applyBorder="1" applyAlignment="1">
      <alignment horizontal="center" vertical="center" wrapText="1"/>
    </xf>
    <xf numFmtId="0" fontId="93" fillId="0" borderId="30" xfId="0" applyFont="1" applyFill="1" applyBorder="1" applyAlignment="1">
      <alignment horizontal="left" vertical="center"/>
    </xf>
    <xf numFmtId="0" fontId="93" fillId="0" borderId="72" xfId="0" applyFont="1" applyFill="1" applyBorder="1" applyAlignment="1">
      <alignment horizontal="center" vertical="center" wrapText="1"/>
    </xf>
    <xf numFmtId="0" fontId="95" fillId="0" borderId="30" xfId="0" applyFont="1" applyFill="1" applyBorder="1" applyAlignment="1">
      <alignment horizontal="center" vertical="center" wrapText="1"/>
    </xf>
    <xf numFmtId="0" fontId="93" fillId="0" borderId="73" xfId="0" applyFont="1" applyFill="1" applyBorder="1" applyAlignment="1">
      <alignment horizontal="center" vertical="center" wrapText="1"/>
    </xf>
    <xf numFmtId="0" fontId="93" fillId="0" borderId="12" xfId="0" applyFont="1" applyFill="1" applyBorder="1" applyAlignment="1">
      <alignment horizontal="center" vertical="center"/>
    </xf>
    <xf numFmtId="0" fontId="93" fillId="0" borderId="10" xfId="0" applyFont="1" applyFill="1" applyBorder="1" applyAlignment="1">
      <alignment vertical="center" wrapText="1"/>
    </xf>
    <xf numFmtId="0" fontId="93" fillId="0" borderId="74" xfId="0" applyFont="1" applyFill="1" applyBorder="1" applyAlignment="1">
      <alignment horizontal="center" vertical="center" wrapText="1"/>
    </xf>
    <xf numFmtId="0" fontId="8" fillId="0" borderId="9" xfId="0" applyFont="1" applyFill="1" applyBorder="1" applyAlignment="1">
      <alignment horizontal="center" vertical="center"/>
    </xf>
    <xf numFmtId="0" fontId="8" fillId="0" borderId="14" xfId="0" applyFont="1" applyFill="1" applyBorder="1">
      <alignment vertical="center"/>
    </xf>
    <xf numFmtId="0" fontId="8" fillId="0" borderId="6" xfId="0" applyFont="1" applyFill="1" applyBorder="1">
      <alignment vertical="center"/>
    </xf>
    <xf numFmtId="0" fontId="93" fillId="0" borderId="11" xfId="0" applyFont="1" applyFill="1" applyBorder="1" applyAlignment="1">
      <alignment horizontal="center" vertical="center"/>
    </xf>
    <xf numFmtId="0" fontId="93" fillId="0" borderId="11" xfId="0" applyFont="1" applyFill="1" applyBorder="1">
      <alignment vertical="center"/>
    </xf>
    <xf numFmtId="0" fontId="93" fillId="0" borderId="29" xfId="0" applyFont="1" applyFill="1" applyBorder="1" applyAlignment="1">
      <alignment horizontal="center" vertical="center" wrapText="1"/>
    </xf>
    <xf numFmtId="0" fontId="93" fillId="0" borderId="29" xfId="0" applyFont="1" applyFill="1" applyBorder="1" applyAlignment="1">
      <alignment horizontal="left" vertical="center"/>
    </xf>
    <xf numFmtId="0" fontId="93" fillId="0" borderId="30" xfId="0" applyFont="1" applyFill="1" applyBorder="1">
      <alignment vertical="center"/>
    </xf>
    <xf numFmtId="0" fontId="93" fillId="0" borderId="30" xfId="0" applyFont="1" applyFill="1" applyBorder="1" applyAlignment="1">
      <alignment horizontal="center" vertical="center" wrapText="1"/>
    </xf>
    <xf numFmtId="0" fontId="93" fillId="0" borderId="22" xfId="0" applyFont="1" applyFill="1" applyBorder="1" applyAlignment="1">
      <alignment horizontal="left" vertical="center" wrapText="1"/>
    </xf>
    <xf numFmtId="0" fontId="93" fillId="0" borderId="26" xfId="0" applyFont="1" applyFill="1" applyBorder="1" applyAlignment="1">
      <alignment horizontal="center" vertical="center"/>
    </xf>
    <xf numFmtId="0" fontId="93" fillId="0" borderId="26" xfId="0" applyFont="1" applyFill="1" applyBorder="1" applyAlignment="1">
      <alignment vertical="center" wrapText="1"/>
    </xf>
    <xf numFmtId="0" fontId="93" fillId="0" borderId="26" xfId="0" applyFont="1" applyFill="1" applyBorder="1" applyAlignment="1">
      <alignment horizontal="left" vertical="center"/>
    </xf>
    <xf numFmtId="0" fontId="8" fillId="0" borderId="3" xfId="0" applyFont="1" applyBorder="1" applyAlignment="1">
      <alignment horizontal="left" vertical="center"/>
    </xf>
    <xf numFmtId="0" fontId="8" fillId="0" borderId="0" xfId="0" applyFont="1" applyFill="1" applyAlignment="1">
      <alignment horizontal="left" vertical="center"/>
    </xf>
    <xf numFmtId="0" fontId="8" fillId="0" borderId="10" xfId="0" applyFont="1" applyFill="1" applyBorder="1" applyAlignment="1">
      <alignment horizontal="center" vertical="center" wrapText="1"/>
    </xf>
    <xf numFmtId="0" fontId="8" fillId="0" borderId="2" xfId="0" applyFont="1" applyFill="1" applyBorder="1">
      <alignment vertical="center"/>
    </xf>
    <xf numFmtId="0" fontId="93" fillId="0" borderId="11" xfId="0" applyFont="1" applyBorder="1" applyAlignment="1">
      <alignment vertical="center" wrapText="1"/>
    </xf>
    <xf numFmtId="0" fontId="93" fillId="0" borderId="11" xfId="0" applyFont="1" applyBorder="1" applyAlignment="1">
      <alignment horizontal="center" vertical="center" wrapText="1"/>
    </xf>
    <xf numFmtId="0" fontId="93" fillId="0" borderId="30" xfId="0" applyFont="1" applyBorder="1">
      <alignment vertical="center"/>
    </xf>
    <xf numFmtId="0" fontId="93" fillId="0" borderId="22" xfId="0" applyFont="1" applyBorder="1" applyAlignment="1">
      <alignment horizontal="left" vertical="center" wrapText="1"/>
    </xf>
    <xf numFmtId="0" fontId="93" fillId="0" borderId="26" xfId="0" applyFont="1" applyBorder="1" applyAlignment="1">
      <alignment horizontal="center" vertical="center"/>
    </xf>
    <xf numFmtId="0" fontId="93" fillId="0" borderId="26" xfId="0" applyFont="1" applyBorder="1">
      <alignment vertical="center"/>
    </xf>
    <xf numFmtId="0" fontId="93" fillId="0" borderId="26" xfId="0" applyFont="1" applyBorder="1" applyAlignment="1">
      <alignment horizontal="center" vertical="center" wrapText="1"/>
    </xf>
    <xf numFmtId="0" fontId="93" fillId="0" borderId="27" xfId="0" applyFont="1" applyBorder="1" applyAlignment="1">
      <alignment horizontal="left" vertical="center" wrapText="1"/>
    </xf>
    <xf numFmtId="0" fontId="8" fillId="0" borderId="2" xfId="0" applyFont="1" applyBorder="1">
      <alignment vertical="center"/>
    </xf>
    <xf numFmtId="0" fontId="75" fillId="0" borderId="0" xfId="0" applyFont="1" applyAlignment="1">
      <alignment horizontal="left"/>
    </xf>
    <xf numFmtId="0" fontId="100" fillId="0" borderId="0" xfId="0" applyFont="1" applyAlignment="1"/>
    <xf numFmtId="0" fontId="9" fillId="0" borderId="0" xfId="0" applyFont="1" applyAlignment="1"/>
    <xf numFmtId="0" fontId="75" fillId="0" borderId="0" xfId="0" applyFont="1" applyFill="1" applyAlignment="1" applyProtection="1">
      <alignment horizontal="left" vertical="center"/>
      <protection locked="0"/>
    </xf>
    <xf numFmtId="0" fontId="98" fillId="0" borderId="0" xfId="2" applyFont="1" applyAlignment="1">
      <alignment horizontal="left" vertical="center"/>
    </xf>
    <xf numFmtId="0" fontId="75" fillId="0" borderId="0" xfId="2" applyFont="1">
      <alignment vertical="center"/>
    </xf>
    <xf numFmtId="0" fontId="113" fillId="0" borderId="6" xfId="0" applyFont="1" applyBorder="1" applyAlignment="1">
      <alignment vertical="center" wrapText="1"/>
    </xf>
    <xf numFmtId="0" fontId="75" fillId="0" borderId="6" xfId="0" applyFont="1" applyFill="1" applyBorder="1" applyAlignment="1">
      <alignment vertical="center" wrapText="1"/>
    </xf>
    <xf numFmtId="0" fontId="75" fillId="0" borderId="6" xfId="0" applyFont="1" applyBorder="1" applyAlignment="1">
      <alignment vertical="center" wrapText="1"/>
    </xf>
    <xf numFmtId="0" fontId="75" fillId="0" borderId="14" xfId="0" applyFont="1" applyBorder="1" applyAlignment="1">
      <alignment vertical="center" wrapText="1"/>
    </xf>
    <xf numFmtId="0" fontId="98" fillId="0" borderId="22" xfId="0" applyFont="1" applyFill="1" applyBorder="1" applyAlignment="1">
      <alignment vertical="center" wrapText="1"/>
    </xf>
    <xf numFmtId="0" fontId="98" fillId="0" borderId="40" xfId="0" applyFont="1" applyFill="1" applyBorder="1" applyAlignment="1">
      <alignment vertical="center" wrapText="1"/>
    </xf>
    <xf numFmtId="0" fontId="8" fillId="0" borderId="11" xfId="0" applyFont="1" applyBorder="1" applyAlignment="1">
      <alignment horizontal="center" vertical="center"/>
    </xf>
    <xf numFmtId="0" fontId="8" fillId="0" borderId="11" xfId="0" applyFont="1" applyBorder="1" applyAlignment="1">
      <alignment vertical="center" wrapText="1"/>
    </xf>
    <xf numFmtId="0" fontId="8" fillId="0" borderId="11" xfId="0" applyFont="1" applyBorder="1">
      <alignment vertical="center"/>
    </xf>
    <xf numFmtId="0" fontId="8" fillId="0" borderId="75" xfId="0" applyFont="1" applyBorder="1" applyAlignment="1">
      <alignment horizontal="center" vertical="center"/>
    </xf>
    <xf numFmtId="0" fontId="8" fillId="0" borderId="75" xfId="0" applyFont="1" applyBorder="1" applyAlignment="1">
      <alignment vertical="center" wrapText="1"/>
    </xf>
    <xf numFmtId="0" fontId="8" fillId="0" borderId="75" xfId="0" applyFont="1" applyBorder="1">
      <alignment vertical="center"/>
    </xf>
    <xf numFmtId="0" fontId="8" fillId="0" borderId="75" xfId="0" applyFont="1" applyFill="1" applyBorder="1" applyAlignment="1">
      <alignment horizontal="center" vertical="center"/>
    </xf>
    <xf numFmtId="0" fontId="8" fillId="0" borderId="75" xfId="0" applyFont="1" applyFill="1" applyBorder="1" applyAlignment="1">
      <alignment vertical="center" wrapText="1"/>
    </xf>
    <xf numFmtId="0" fontId="8" fillId="0" borderId="75" xfId="0" applyFont="1" applyFill="1" applyBorder="1">
      <alignment vertical="center"/>
    </xf>
    <xf numFmtId="0" fontId="8" fillId="0" borderId="10" xfId="0" applyFont="1" applyFill="1" applyBorder="1" applyAlignment="1">
      <alignment horizontal="center" vertical="center"/>
    </xf>
    <xf numFmtId="0" fontId="8" fillId="0" borderId="10" xfId="0" applyFont="1" applyFill="1" applyBorder="1" applyAlignment="1">
      <alignment vertical="center" wrapText="1"/>
    </xf>
    <xf numFmtId="0" fontId="8" fillId="0" borderId="77" xfId="0" applyFont="1" applyFill="1" applyBorder="1" applyAlignment="1">
      <alignment horizontal="center" vertical="center"/>
    </xf>
    <xf numFmtId="0" fontId="8" fillId="0" borderId="77" xfId="0" applyFont="1" applyFill="1" applyBorder="1">
      <alignment vertical="center"/>
    </xf>
    <xf numFmtId="0" fontId="33" fillId="0" borderId="75" xfId="0" applyFont="1" applyFill="1" applyBorder="1">
      <alignment vertical="center"/>
    </xf>
    <xf numFmtId="0" fontId="8" fillId="0" borderId="76" xfId="0" applyFont="1" applyFill="1" applyBorder="1" applyAlignment="1">
      <alignment horizontal="center" vertical="center"/>
    </xf>
    <xf numFmtId="0" fontId="33" fillId="0" borderId="76" xfId="0" applyFont="1" applyFill="1" applyBorder="1">
      <alignment vertical="center"/>
    </xf>
    <xf numFmtId="0" fontId="8" fillId="0" borderId="77" xfId="0" applyFont="1" applyBorder="1" applyAlignment="1">
      <alignment horizontal="center" vertical="center"/>
    </xf>
    <xf numFmtId="0" fontId="8" fillId="0" borderId="77" xfId="0" applyFont="1" applyBorder="1">
      <alignment vertical="center"/>
    </xf>
    <xf numFmtId="0" fontId="8" fillId="0" borderId="78" xfId="0" applyFont="1" applyBorder="1" applyAlignment="1">
      <alignment horizontal="center" vertical="center"/>
    </xf>
    <xf numFmtId="0" fontId="8" fillId="0" borderId="78" xfId="0" applyFont="1" applyBorder="1">
      <alignment vertical="center"/>
    </xf>
    <xf numFmtId="0" fontId="8" fillId="0" borderId="76" xfId="0" applyFont="1" applyBorder="1" applyAlignment="1">
      <alignment horizontal="center" vertical="center"/>
    </xf>
    <xf numFmtId="0" fontId="8" fillId="0" borderId="76" xfId="0" applyFont="1" applyBorder="1">
      <alignment vertical="center"/>
    </xf>
    <xf numFmtId="0" fontId="8" fillId="0" borderId="76" xfId="0" applyFont="1" applyBorder="1" applyAlignment="1">
      <alignment vertical="center" wrapText="1"/>
    </xf>
    <xf numFmtId="0" fontId="98" fillId="0" borderId="75" xfId="0" applyFont="1" applyBorder="1">
      <alignment vertical="center"/>
    </xf>
    <xf numFmtId="0" fontId="98" fillId="0" borderId="76" xfId="0" applyFont="1" applyFill="1" applyBorder="1">
      <alignment vertical="center"/>
    </xf>
    <xf numFmtId="0" fontId="98" fillId="0" borderId="77" xfId="0" applyFont="1" applyBorder="1">
      <alignment vertical="center"/>
    </xf>
    <xf numFmtId="0" fontId="116" fillId="0" borderId="0" xfId="0" applyFont="1" applyFill="1">
      <alignment vertical="center"/>
    </xf>
    <xf numFmtId="0" fontId="33" fillId="0" borderId="0" xfId="0" applyFont="1">
      <alignment vertical="center"/>
    </xf>
    <xf numFmtId="0" fontId="48" fillId="0" borderId="0" xfId="0" applyFont="1">
      <alignment vertical="center"/>
    </xf>
    <xf numFmtId="0" fontId="75" fillId="0" borderId="11" xfId="6" applyFont="1" applyFill="1" applyBorder="1" applyAlignment="1">
      <alignment vertical="center" wrapText="1"/>
    </xf>
    <xf numFmtId="0" fontId="75" fillId="0" borderId="0" xfId="6" applyFont="1" applyBorder="1" applyAlignment="1">
      <alignment horizontal="left" vertical="top"/>
    </xf>
    <xf numFmtId="49" fontId="48" fillId="0" borderId="0" xfId="6" applyNumberFormat="1" applyFont="1" applyBorder="1" applyAlignment="1">
      <alignment vertical="center"/>
    </xf>
    <xf numFmtId="0" fontId="75" fillId="0" borderId="8" xfId="0" applyFont="1" applyBorder="1">
      <alignment vertical="center"/>
    </xf>
    <xf numFmtId="0" fontId="75" fillId="0" borderId="8" xfId="0" applyFont="1" applyBorder="1" applyAlignment="1">
      <alignment horizontal="left" vertical="center"/>
    </xf>
    <xf numFmtId="0" fontId="75" fillId="0" borderId="9" xfId="2" applyFont="1" applyBorder="1" applyAlignment="1">
      <alignment horizontal="left" vertical="center" wrapText="1"/>
    </xf>
    <xf numFmtId="0" fontId="75" fillId="0" borderId="9" xfId="0" applyFont="1" applyBorder="1" applyAlignment="1">
      <alignment vertical="center" wrapText="1"/>
    </xf>
    <xf numFmtId="0" fontId="75" fillId="0" borderId="44" xfId="2" applyFont="1" applyBorder="1" applyAlignment="1">
      <alignment horizontal="center" vertical="center" wrapText="1"/>
    </xf>
    <xf numFmtId="0" fontId="98" fillId="0" borderId="8" xfId="0" applyFont="1" applyBorder="1">
      <alignment vertical="center"/>
    </xf>
    <xf numFmtId="0" fontId="75" fillId="0" borderId="8" xfId="0" applyFont="1" applyBorder="1" applyAlignment="1">
      <alignment vertical="center" wrapText="1"/>
    </xf>
    <xf numFmtId="0" fontId="75" fillId="0" borderId="11" xfId="0" applyFont="1" applyBorder="1" applyAlignment="1">
      <alignment vertical="center" wrapText="1"/>
    </xf>
    <xf numFmtId="0" fontId="13" fillId="0" borderId="28" xfId="0" applyFont="1" applyBorder="1" applyAlignment="1">
      <alignment horizontal="left" vertical="center"/>
    </xf>
    <xf numFmtId="0" fontId="8" fillId="0" borderId="7" xfId="0" applyFont="1" applyBorder="1">
      <alignment vertical="center"/>
    </xf>
    <xf numFmtId="0" fontId="8" fillId="0" borderId="19" xfId="0" applyFont="1" applyBorder="1">
      <alignment vertical="center"/>
    </xf>
    <xf numFmtId="0" fontId="98" fillId="0" borderId="8" xfId="9" applyFont="1" applyBorder="1" applyAlignment="1">
      <alignment horizontal="left" vertical="top" wrapText="1"/>
    </xf>
    <xf numFmtId="0" fontId="8" fillId="0" borderId="8" xfId="9" applyFont="1" applyBorder="1" applyAlignment="1">
      <alignment horizontal="left" vertical="top" wrapText="1"/>
    </xf>
    <xf numFmtId="0" fontId="8" fillId="0" borderId="0" xfId="9" applyFont="1" applyAlignment="1">
      <alignment horizontal="left" vertical="top" wrapText="1"/>
    </xf>
    <xf numFmtId="0" fontId="13" fillId="0" borderId="0" xfId="0" applyFont="1" applyAlignment="1">
      <alignment horizontal="right"/>
    </xf>
    <xf numFmtId="0" fontId="45" fillId="0" borderId="0" xfId="0" applyFont="1" applyAlignment="1">
      <alignment wrapText="1"/>
    </xf>
    <xf numFmtId="0" fontId="8" fillId="0" borderId="0" xfId="0" applyFont="1" applyAlignment="1">
      <alignment wrapText="1"/>
    </xf>
    <xf numFmtId="0" fontId="43" fillId="0" borderId="0" xfId="0" applyFont="1" applyAlignment="1">
      <alignment horizontal="right"/>
    </xf>
    <xf numFmtId="0" fontId="8" fillId="0" borderId="0" xfId="0" applyFont="1" applyAlignment="1">
      <alignment horizontal="right"/>
    </xf>
    <xf numFmtId="0" fontId="43" fillId="0" borderId="0" xfId="0" applyFont="1" applyAlignment="1">
      <alignment horizontal="left"/>
    </xf>
    <xf numFmtId="0" fontId="8" fillId="0" borderId="0" xfId="0" applyFont="1" applyAlignment="1">
      <alignment horizontal="left"/>
    </xf>
    <xf numFmtId="49" fontId="13" fillId="0" borderId="2" xfId="0" applyNumberFormat="1" applyFont="1" applyFill="1" applyBorder="1" applyAlignment="1">
      <alignment horizontal="center" vertical="center" wrapText="1"/>
    </xf>
    <xf numFmtId="49" fontId="13" fillId="0" borderId="4" xfId="0" applyNumberFormat="1" applyFont="1" applyFill="1" applyBorder="1" applyAlignment="1">
      <alignment horizontal="center" vertical="center" wrapText="1"/>
    </xf>
    <xf numFmtId="49" fontId="13" fillId="0" borderId="11" xfId="0" applyNumberFormat="1" applyFont="1" applyFill="1" applyBorder="1" applyAlignment="1">
      <alignment horizontal="center" vertical="center" wrapText="1"/>
    </xf>
    <xf numFmtId="49" fontId="13" fillId="0" borderId="12" xfId="0" applyNumberFormat="1" applyFont="1" applyFill="1" applyBorder="1" applyAlignment="1">
      <alignment horizontal="center" vertical="center" wrapText="1"/>
    </xf>
    <xf numFmtId="49" fontId="13" fillId="0" borderId="10" xfId="0" applyNumberFormat="1" applyFont="1" applyFill="1" applyBorder="1" applyAlignment="1">
      <alignment horizontal="center" vertical="center" wrapText="1"/>
    </xf>
    <xf numFmtId="0" fontId="60" fillId="0" borderId="0" xfId="0" applyFont="1" applyAlignment="1">
      <alignment horizontal="left" vertical="center" wrapText="1"/>
    </xf>
    <xf numFmtId="0" fontId="8" fillId="0" borderId="0" xfId="0" applyFont="1" applyAlignment="1">
      <alignment horizontal="left" vertical="center" wrapText="1"/>
    </xf>
    <xf numFmtId="0" fontId="33" fillId="0" borderId="0" xfId="0" applyFont="1" applyFill="1" applyAlignment="1">
      <alignment horizontal="left" vertical="center" shrinkToFit="1"/>
    </xf>
    <xf numFmtId="49" fontId="13" fillId="0" borderId="2" xfId="9" applyNumberFormat="1" applyFont="1" applyFill="1" applyBorder="1" applyAlignment="1">
      <alignment horizontal="center" vertical="center" wrapText="1"/>
    </xf>
    <xf numFmtId="49" fontId="13" fillId="0" borderId="4" xfId="9" applyNumberFormat="1" applyFont="1" applyFill="1" applyBorder="1" applyAlignment="1">
      <alignment horizontal="center" vertical="center" wrapText="1"/>
    </xf>
    <xf numFmtId="49" fontId="13" fillId="0" borderId="11" xfId="9" applyNumberFormat="1" applyFont="1" applyFill="1" applyBorder="1" applyAlignment="1">
      <alignment horizontal="center" vertical="center" wrapText="1"/>
    </xf>
    <xf numFmtId="49" fontId="13" fillId="0" borderId="12" xfId="9" applyNumberFormat="1" applyFont="1" applyFill="1" applyBorder="1" applyAlignment="1">
      <alignment horizontal="center" vertical="center" wrapText="1"/>
    </xf>
    <xf numFmtId="49" fontId="13" fillId="0" borderId="10" xfId="9" applyNumberFormat="1" applyFont="1" applyFill="1" applyBorder="1" applyAlignment="1">
      <alignment horizontal="center" vertical="center" wrapText="1"/>
    </xf>
    <xf numFmtId="0" fontId="13" fillId="0" borderId="28" xfId="0" applyFont="1" applyFill="1" applyBorder="1" applyAlignment="1">
      <alignment horizontal="left" vertical="center" shrinkToFit="1"/>
    </xf>
    <xf numFmtId="0" fontId="8" fillId="0" borderId="7" xfId="0" applyFont="1" applyFill="1" applyBorder="1" applyAlignment="1">
      <alignment vertical="center" shrinkToFit="1"/>
    </xf>
    <xf numFmtId="0" fontId="8" fillId="0" borderId="19" xfId="0" applyFont="1" applyFill="1" applyBorder="1" applyAlignment="1">
      <alignment vertical="center" shrinkToFit="1"/>
    </xf>
    <xf numFmtId="49" fontId="48" fillId="0" borderId="0" xfId="6" applyNumberFormat="1" applyFont="1" applyBorder="1" applyAlignment="1">
      <alignment horizontal="center" vertical="center"/>
    </xf>
    <xf numFmtId="0" fontId="33" fillId="4" borderId="20" xfId="0" applyFont="1" applyFill="1" applyBorder="1" applyAlignment="1" applyProtection="1">
      <alignment horizontal="center" vertical="center" wrapText="1"/>
      <protection locked="0"/>
    </xf>
    <xf numFmtId="0" fontId="33" fillId="4" borderId="9" xfId="0" applyFont="1" applyFill="1" applyBorder="1" applyAlignment="1" applyProtection="1">
      <alignment horizontal="center" vertical="center" wrapText="1"/>
      <protection locked="0"/>
    </xf>
    <xf numFmtId="0" fontId="52" fillId="0" borderId="0" xfId="6" applyFont="1" applyBorder="1" applyAlignment="1">
      <alignment horizontal="left" vertical="center" wrapText="1"/>
    </xf>
    <xf numFmtId="0" fontId="50" fillId="0" borderId="0" xfId="6" applyFont="1" applyBorder="1" applyAlignment="1">
      <alignment horizontal="left" vertical="center" wrapText="1"/>
    </xf>
    <xf numFmtId="0" fontId="13" fillId="0" borderId="0" xfId="6" applyFont="1" applyBorder="1" applyAlignment="1">
      <alignment horizontal="right" vertical="center" wrapText="1"/>
    </xf>
    <xf numFmtId="0" fontId="13" fillId="0" borderId="0" xfId="6" applyFont="1" applyBorder="1" applyAlignment="1">
      <alignment horizontal="left" vertical="center" wrapText="1"/>
    </xf>
    <xf numFmtId="0" fontId="15" fillId="0" borderId="0" xfId="6" applyFont="1" applyBorder="1" applyAlignment="1">
      <alignment horizontal="left" vertical="center" wrapText="1" indent="1"/>
    </xf>
    <xf numFmtId="0" fontId="103" fillId="0" borderId="0" xfId="6" applyFont="1" applyBorder="1" applyAlignment="1">
      <alignment horizontal="left" vertical="center" wrapText="1"/>
    </xf>
    <xf numFmtId="0" fontId="104" fillId="0" borderId="0" xfId="6" applyFont="1" applyBorder="1" applyAlignment="1">
      <alignment horizontal="left" wrapText="1"/>
    </xf>
    <xf numFmtId="0" fontId="41" fillId="0" borderId="0" xfId="6" applyFont="1" applyBorder="1" applyAlignment="1">
      <alignment horizontal="left" wrapText="1"/>
    </xf>
    <xf numFmtId="0" fontId="14" fillId="0" borderId="0" xfId="6" applyFont="1" applyBorder="1" applyAlignment="1">
      <alignment horizontal="left" vertical="center" wrapText="1" indent="1"/>
    </xf>
    <xf numFmtId="0" fontId="11" fillId="0" borderId="0" xfId="6" applyFont="1" applyBorder="1" applyAlignment="1">
      <alignment horizontal="left" vertical="center" wrapText="1"/>
    </xf>
    <xf numFmtId="0" fontId="11" fillId="0" borderId="0" xfId="6" applyFont="1" applyBorder="1" applyAlignment="1">
      <alignment horizontal="right" vertical="center" wrapText="1"/>
    </xf>
    <xf numFmtId="0" fontId="103" fillId="0" borderId="0" xfId="6" applyFont="1" applyBorder="1" applyAlignment="1">
      <alignment horizontal="left" wrapText="1"/>
    </xf>
    <xf numFmtId="0" fontId="50" fillId="0" borderId="0" xfId="6" applyFont="1" applyBorder="1" applyAlignment="1">
      <alignment horizontal="left" wrapText="1"/>
    </xf>
    <xf numFmtId="49" fontId="34" fillId="0" borderId="0" xfId="6" applyNumberFormat="1" applyFont="1" applyBorder="1" applyAlignment="1">
      <alignment horizontal="center" vertical="center"/>
    </xf>
    <xf numFmtId="0" fontId="33" fillId="0" borderId="11" xfId="0" applyNumberFormat="1" applyFont="1" applyFill="1" applyBorder="1" applyAlignment="1" applyProtection="1">
      <alignment horizontal="center" vertical="center"/>
      <protection locked="0"/>
    </xf>
    <xf numFmtId="0" fontId="33" fillId="0" borderId="10" xfId="0" applyNumberFormat="1" applyFont="1" applyFill="1" applyBorder="1" applyAlignment="1" applyProtection="1">
      <alignment horizontal="center" vertical="center"/>
      <protection locked="0"/>
    </xf>
    <xf numFmtId="0" fontId="20" fillId="0" borderId="0" xfId="6" applyFont="1" applyBorder="1" applyAlignment="1">
      <alignment horizontal="left" vertical="center" wrapText="1"/>
    </xf>
    <xf numFmtId="0" fontId="13" fillId="0" borderId="12" xfId="0" applyNumberFormat="1" applyFont="1" applyFill="1" applyBorder="1" applyAlignment="1" applyProtection="1">
      <alignment horizontal="center" vertical="center"/>
      <protection locked="0"/>
    </xf>
    <xf numFmtId="0" fontId="33" fillId="0" borderId="9" xfId="0" applyNumberFormat="1" applyFont="1" applyFill="1" applyBorder="1" applyAlignment="1" applyProtection="1">
      <alignment horizontal="center" vertical="center" wrapText="1"/>
      <protection locked="0"/>
    </xf>
    <xf numFmtId="0" fontId="13" fillId="0" borderId="9" xfId="0" applyNumberFormat="1" applyFont="1" applyFill="1" applyBorder="1" applyAlignment="1" applyProtection="1">
      <alignment horizontal="center" vertical="center" wrapText="1"/>
      <protection locked="0"/>
    </xf>
    <xf numFmtId="0" fontId="31" fillId="0" borderId="9" xfId="6" applyFont="1" applyBorder="1" applyAlignment="1" applyProtection="1">
      <alignment horizontal="center" vertical="center"/>
      <protection locked="0"/>
    </xf>
    <xf numFmtId="0" fontId="11" fillId="0" borderId="9" xfId="6" applyFont="1" applyBorder="1" applyAlignment="1" applyProtection="1">
      <alignment horizontal="center" vertical="center"/>
      <protection locked="0"/>
    </xf>
    <xf numFmtId="0" fontId="33" fillId="0" borderId="9" xfId="0" applyFont="1" applyFill="1" applyBorder="1" applyAlignment="1" applyProtection="1">
      <alignment horizontal="center" vertical="center" wrapText="1"/>
      <protection locked="0"/>
    </xf>
    <xf numFmtId="0" fontId="51" fillId="0" borderId="0" xfId="6" applyFont="1" applyBorder="1" applyAlignment="1">
      <alignment horizontal="left" wrapText="1"/>
    </xf>
    <xf numFmtId="0" fontId="75" fillId="0" borderId="0" xfId="3" applyFont="1" applyFill="1" applyAlignment="1" applyProtection="1">
      <alignment horizontal="left" indent="6"/>
    </xf>
    <xf numFmtId="0" fontId="33" fillId="0" borderId="0" xfId="3" applyFont="1" applyFill="1" applyAlignment="1" applyProtection="1">
      <alignment horizontal="left" indent="6"/>
    </xf>
    <xf numFmtId="0" fontId="71" fillId="0" borderId="0" xfId="0" applyFont="1" applyFill="1" applyBorder="1" applyAlignment="1" applyProtection="1">
      <alignment horizontal="left" shrinkToFit="1"/>
      <protection locked="0"/>
    </xf>
    <xf numFmtId="0" fontId="71" fillId="0" borderId="5" xfId="0" applyFont="1" applyFill="1" applyBorder="1" applyAlignment="1" applyProtection="1">
      <alignment horizontal="left" shrinkToFit="1"/>
      <protection locked="0"/>
    </xf>
    <xf numFmtId="0" fontId="75" fillId="0" borderId="0" xfId="3" applyFont="1" applyFill="1" applyBorder="1" applyAlignment="1" applyProtection="1">
      <alignment horizontal="center"/>
    </xf>
    <xf numFmtId="0" fontId="33" fillId="0" borderId="0" xfId="3" applyFont="1" applyFill="1" applyBorder="1" applyAlignment="1" applyProtection="1">
      <alignment horizontal="center"/>
    </xf>
    <xf numFmtId="0" fontId="30" fillId="0" borderId="47" xfId="2" applyFont="1" applyBorder="1" applyAlignment="1">
      <alignment horizontal="left" vertical="center" wrapText="1"/>
    </xf>
    <xf numFmtId="0" fontId="30" fillId="0" borderId="48" xfId="2" applyFont="1" applyBorder="1" applyAlignment="1">
      <alignment horizontal="left" vertical="center"/>
    </xf>
    <xf numFmtId="0" fontId="30" fillId="0" borderId="49" xfId="2" applyFont="1" applyBorder="1" applyAlignment="1">
      <alignment horizontal="left" vertical="center"/>
    </xf>
    <xf numFmtId="0" fontId="30" fillId="0" borderId="50" xfId="2" applyFont="1" applyBorder="1" applyAlignment="1">
      <alignment horizontal="left" vertical="center" wrapText="1"/>
    </xf>
    <xf numFmtId="0" fontId="30" fillId="0" borderId="0" xfId="2" applyFont="1" applyAlignment="1">
      <alignment horizontal="left" vertical="center"/>
    </xf>
    <xf numFmtId="0" fontId="30" fillId="0" borderId="51" xfId="2" applyFont="1" applyBorder="1" applyAlignment="1">
      <alignment horizontal="left" vertical="center"/>
    </xf>
    <xf numFmtId="0" fontId="30" fillId="0" borderId="52" xfId="2" applyFont="1" applyBorder="1" applyAlignment="1">
      <alignment horizontal="left" vertical="center"/>
    </xf>
    <xf numFmtId="0" fontId="30" fillId="0" borderId="53" xfId="2" applyFont="1" applyBorder="1" applyAlignment="1">
      <alignment horizontal="left" vertical="center"/>
    </xf>
    <xf numFmtId="0" fontId="30" fillId="0" borderId="54" xfId="2" applyFont="1" applyBorder="1" applyAlignment="1">
      <alignment horizontal="left" vertical="center"/>
    </xf>
    <xf numFmtId="176" fontId="13" fillId="0" borderId="5" xfId="2" applyNumberFormat="1" applyFont="1" applyBorder="1" applyAlignment="1" applyProtection="1">
      <alignment horizontal="left" vertical="center"/>
      <protection locked="0"/>
    </xf>
    <xf numFmtId="0" fontId="13" fillId="0" borderId="5" xfId="2" applyFont="1" applyBorder="1" applyAlignment="1" applyProtection="1">
      <alignment horizontal="left" vertical="center"/>
      <protection locked="0"/>
    </xf>
    <xf numFmtId="0" fontId="33" fillId="0" borderId="8" xfId="2" applyFont="1" applyBorder="1" applyAlignment="1">
      <alignment horizontal="center" vertical="center" wrapText="1"/>
    </xf>
    <xf numFmtId="0" fontId="33" fillId="0" borderId="5" xfId="0" applyFont="1" applyBorder="1">
      <alignment vertical="center"/>
    </xf>
    <xf numFmtId="0" fontId="33" fillId="0" borderId="8" xfId="2" applyFont="1" applyBorder="1" applyAlignment="1" applyProtection="1">
      <alignment horizontal="left" vertical="center"/>
      <protection locked="0"/>
    </xf>
    <xf numFmtId="0" fontId="33" fillId="0" borderId="5" xfId="2" applyFont="1" applyBorder="1" applyAlignment="1" applyProtection="1">
      <alignment horizontal="left" vertical="center"/>
      <protection locked="0"/>
    </xf>
    <xf numFmtId="0" fontId="13" fillId="0" borderId="8" xfId="2" applyFont="1" applyBorder="1" applyAlignment="1">
      <alignment horizontal="left" vertical="center"/>
    </xf>
    <xf numFmtId="0" fontId="33" fillId="0" borderId="56" xfId="2" applyFont="1" applyBorder="1" applyAlignment="1">
      <alignment horizontal="center" vertical="center"/>
    </xf>
    <xf numFmtId="0" fontId="33" fillId="0" borderId="12" xfId="0" applyFont="1" applyBorder="1" applyAlignment="1">
      <alignment horizontal="center" vertical="center"/>
    </xf>
    <xf numFmtId="0" fontId="75" fillId="0" borderId="57" xfId="2" applyFont="1" applyBorder="1" applyAlignment="1">
      <alignment horizontal="left" vertical="center" wrapText="1" indent="1"/>
    </xf>
    <xf numFmtId="0" fontId="33" fillId="0" borderId="58" xfId="0" applyFont="1" applyBorder="1" applyAlignment="1">
      <alignment horizontal="left" vertical="center" wrapText="1" indent="1"/>
    </xf>
    <xf numFmtId="0" fontId="33" fillId="0" borderId="59" xfId="0" applyFont="1" applyBorder="1" applyAlignment="1">
      <alignment horizontal="left" vertical="center" wrapText="1" indent="1"/>
    </xf>
    <xf numFmtId="0" fontId="33" fillId="0" borderId="57" xfId="2" applyFont="1" applyBorder="1" applyAlignment="1" applyProtection="1">
      <alignment horizontal="center" vertical="center" wrapText="1"/>
      <protection locked="0"/>
    </xf>
    <xf numFmtId="0" fontId="33" fillId="0" borderId="59" xfId="2" applyFont="1" applyBorder="1" applyAlignment="1" applyProtection="1">
      <alignment horizontal="center" vertical="center" wrapText="1"/>
      <protection locked="0"/>
    </xf>
    <xf numFmtId="0" fontId="75" fillId="0" borderId="9" xfId="2" applyFont="1" applyBorder="1" applyAlignment="1">
      <alignment horizontal="left" vertical="center" wrapText="1" indent="1"/>
    </xf>
    <xf numFmtId="0" fontId="33" fillId="0" borderId="9" xfId="2" applyFont="1" applyBorder="1" applyAlignment="1">
      <alignment horizontal="left" vertical="center" wrapText="1" indent="1"/>
    </xf>
    <xf numFmtId="0" fontId="33" fillId="0" borderId="28" xfId="2" applyFont="1" applyBorder="1" applyAlignment="1" applyProtection="1">
      <alignment horizontal="center" vertical="center" wrapText="1"/>
      <protection locked="0"/>
    </xf>
    <xf numFmtId="0" fontId="33" fillId="0" borderId="19" xfId="2" applyFont="1" applyBorder="1" applyAlignment="1" applyProtection="1">
      <alignment horizontal="center" vertical="center" wrapText="1"/>
      <protection locked="0"/>
    </xf>
    <xf numFmtId="0" fontId="117" fillId="0" borderId="0" xfId="2" applyFont="1">
      <alignment vertical="center"/>
    </xf>
    <xf numFmtId="0" fontId="33" fillId="0" borderId="0" xfId="0" applyFont="1">
      <alignment vertical="center"/>
    </xf>
    <xf numFmtId="0" fontId="15" fillId="0" borderId="5" xfId="2" applyFont="1" applyBorder="1" applyAlignment="1" applyProtection="1">
      <alignment horizontal="left" vertical="center"/>
      <protection locked="0"/>
    </xf>
    <xf numFmtId="0" fontId="75" fillId="0" borderId="44" xfId="2" applyFont="1" applyBorder="1" applyAlignment="1">
      <alignment horizontal="center" vertical="center" wrapText="1"/>
    </xf>
    <xf numFmtId="0" fontId="33" fillId="0" borderId="46" xfId="2" applyFont="1" applyBorder="1" applyAlignment="1">
      <alignment horizontal="center" vertical="center"/>
    </xf>
    <xf numFmtId="0" fontId="33" fillId="0" borderId="45" xfId="2" applyFont="1" applyBorder="1" applyAlignment="1">
      <alignment horizontal="center" vertical="center"/>
    </xf>
    <xf numFmtId="0" fontId="75" fillId="0" borderId="6" xfId="2" applyFont="1" applyBorder="1" applyAlignment="1">
      <alignment horizontal="center" vertical="center" wrapText="1"/>
    </xf>
    <xf numFmtId="0" fontId="33" fillId="0" borderId="14" xfId="2" applyFont="1" applyBorder="1" applyAlignment="1">
      <alignment horizontal="center" vertical="center"/>
    </xf>
    <xf numFmtId="0" fontId="33" fillId="0" borderId="11" xfId="2" applyFont="1" applyBorder="1" applyAlignment="1">
      <alignment horizontal="center" vertical="center"/>
    </xf>
    <xf numFmtId="0" fontId="33" fillId="0" borderId="12" xfId="2" applyFont="1" applyBorder="1" applyAlignment="1">
      <alignment horizontal="center" vertical="center"/>
    </xf>
    <xf numFmtId="0" fontId="33" fillId="0" borderId="10" xfId="0" applyFont="1" applyBorder="1" applyAlignment="1">
      <alignment horizontal="center" vertical="center"/>
    </xf>
    <xf numFmtId="0" fontId="33" fillId="0" borderId="11" xfId="0" applyFont="1" applyBorder="1" applyAlignment="1">
      <alignment horizontal="left" vertical="center" wrapText="1"/>
    </xf>
    <xf numFmtId="0" fontId="33" fillId="0" borderId="12" xfId="0" applyFont="1" applyBorder="1" applyAlignment="1">
      <alignment horizontal="left" vertical="center" wrapText="1"/>
    </xf>
    <xf numFmtId="0" fontId="33" fillId="0" borderId="10" xfId="0" applyFont="1" applyBorder="1" applyAlignment="1">
      <alignment horizontal="left" vertical="center" wrapText="1"/>
    </xf>
    <xf numFmtId="49" fontId="33" fillId="0" borderId="11" xfId="0" applyNumberFormat="1" applyFont="1" applyBorder="1" applyAlignment="1">
      <alignment horizontal="center" vertical="center"/>
    </xf>
    <xf numFmtId="49" fontId="33" fillId="0" borderId="12" xfId="0" applyNumberFormat="1" applyFont="1" applyBorder="1" applyAlignment="1">
      <alignment horizontal="center" vertical="center"/>
    </xf>
    <xf numFmtId="0" fontId="75" fillId="0" borderId="28" xfId="2" applyFont="1" applyBorder="1" applyAlignment="1">
      <alignment horizontal="left" vertical="center" wrapText="1" indent="1"/>
    </xf>
    <xf numFmtId="0" fontId="33" fillId="0" borderId="7" xfId="2" applyFont="1" applyBorder="1" applyAlignment="1">
      <alignment horizontal="left" vertical="center" wrapText="1" indent="1"/>
    </xf>
    <xf numFmtId="0" fontId="33" fillId="0" borderId="19" xfId="2" applyFont="1" applyBorder="1" applyAlignment="1">
      <alignment horizontal="left" vertical="center" wrapText="1" indent="1"/>
    </xf>
    <xf numFmtId="0" fontId="33" fillId="0" borderId="28" xfId="2" applyFont="1" applyBorder="1" applyAlignment="1">
      <alignment horizontal="left" vertical="center" wrapText="1" indent="1"/>
    </xf>
    <xf numFmtId="0" fontId="33" fillId="0" borderId="60" xfId="2" applyFont="1" applyBorder="1" applyAlignment="1" applyProtection="1">
      <alignment horizontal="center" vertical="center" wrapText="1"/>
      <protection locked="0"/>
    </xf>
    <xf numFmtId="0" fontId="33" fillId="0" borderId="60" xfId="2" applyFont="1" applyBorder="1" applyAlignment="1" applyProtection="1">
      <alignment horizontal="center" vertical="center"/>
      <protection locked="0"/>
    </xf>
    <xf numFmtId="0" fontId="33" fillId="0" borderId="61" xfId="2" applyFont="1" applyBorder="1" applyAlignment="1" applyProtection="1">
      <alignment horizontal="center" vertical="center" wrapText="1"/>
      <protection locked="0"/>
    </xf>
    <xf numFmtId="0" fontId="33" fillId="0" borderId="61" xfId="2" applyFont="1" applyBorder="1" applyAlignment="1" applyProtection="1">
      <alignment horizontal="center" vertical="center"/>
      <protection locked="0"/>
    </xf>
    <xf numFmtId="0" fontId="36" fillId="0" borderId="0" xfId="2" quotePrefix="1" applyFont="1" applyAlignment="1">
      <alignment horizontal="center" vertical="center"/>
    </xf>
    <xf numFmtId="0" fontId="36" fillId="0" borderId="0" xfId="2" applyFont="1" applyAlignment="1">
      <alignment horizontal="center" vertical="center"/>
    </xf>
    <xf numFmtId="0" fontId="75" fillId="0" borderId="9" xfId="2" applyFont="1" applyFill="1" applyBorder="1" applyAlignment="1">
      <alignment horizontal="left" vertical="center" wrapText="1" indent="1"/>
    </xf>
    <xf numFmtId="0" fontId="33" fillId="0" borderId="9" xfId="2" applyFont="1" applyFill="1" applyBorder="1" applyAlignment="1">
      <alignment horizontal="left" vertical="center" wrapText="1" indent="1"/>
    </xf>
    <xf numFmtId="0" fontId="33" fillId="0" borderId="28" xfId="2" applyFont="1" applyFill="1" applyBorder="1" applyAlignment="1" applyProtection="1">
      <alignment horizontal="center" vertical="center" wrapText="1"/>
      <protection locked="0"/>
    </xf>
    <xf numFmtId="0" fontId="33" fillId="0" borderId="19" xfId="2" applyFont="1" applyFill="1" applyBorder="1" applyAlignment="1" applyProtection="1">
      <alignment horizontal="center" vertical="center" wrapText="1"/>
      <protection locked="0"/>
    </xf>
    <xf numFmtId="0" fontId="75" fillId="0" borderId="28" xfId="2" applyFont="1" applyBorder="1" applyAlignment="1">
      <alignment horizontal="left" vertical="center" wrapText="1"/>
    </xf>
    <xf numFmtId="0" fontId="33" fillId="0" borderId="7" xfId="2" applyFont="1" applyBorder="1" applyAlignment="1">
      <alignment horizontal="left" vertical="center" wrapText="1"/>
    </xf>
    <xf numFmtId="0" fontId="33" fillId="0" borderId="19" xfId="2" applyFont="1" applyBorder="1" applyAlignment="1">
      <alignment horizontal="left" vertical="center" wrapText="1"/>
    </xf>
    <xf numFmtId="0" fontId="33" fillId="0" borderId="9" xfId="2" applyFont="1" applyBorder="1" applyAlignment="1" applyProtection="1">
      <alignment horizontal="center" vertical="center"/>
      <protection locked="0"/>
    </xf>
    <xf numFmtId="0" fontId="33" fillId="0" borderId="9" xfId="2" applyFont="1" applyBorder="1" applyAlignment="1">
      <alignment horizontal="center" vertical="center"/>
    </xf>
    <xf numFmtId="0" fontId="8" fillId="0" borderId="0" xfId="2" applyFont="1" applyAlignment="1">
      <alignment horizontal="left" vertical="center" wrapText="1"/>
    </xf>
    <xf numFmtId="0" fontId="8" fillId="0" borderId="0" xfId="0" applyFont="1" applyAlignment="1">
      <alignment vertical="center" wrapText="1"/>
    </xf>
    <xf numFmtId="0" fontId="33" fillId="0" borderId="0" xfId="2" applyFont="1" applyAlignment="1">
      <alignment vertical="center" wrapText="1"/>
    </xf>
    <xf numFmtId="0" fontId="75" fillId="0" borderId="46" xfId="2" applyFont="1" applyBorder="1" applyAlignment="1">
      <alignment horizontal="center" vertical="center"/>
    </xf>
    <xf numFmtId="0" fontId="75" fillId="0" borderId="44" xfId="2" applyFont="1" applyBorder="1" applyAlignment="1">
      <alignment horizontal="center" vertical="center"/>
    </xf>
    <xf numFmtId="0" fontId="33" fillId="0" borderId="0" xfId="2" applyFont="1" applyAlignment="1">
      <alignment horizontal="left" vertical="center" wrapText="1" indent="1"/>
    </xf>
    <xf numFmtId="0" fontId="33" fillId="0" borderId="2" xfId="2" applyFont="1" applyBorder="1" applyAlignment="1">
      <alignment horizontal="left" vertical="center" wrapText="1" indent="1"/>
    </xf>
    <xf numFmtId="0" fontId="33" fillId="0" borderId="1" xfId="2" applyFont="1" applyBorder="1" applyAlignment="1" applyProtection="1">
      <alignment horizontal="center" vertical="center"/>
      <protection locked="0"/>
    </xf>
    <xf numFmtId="0" fontId="33" fillId="0" borderId="2" xfId="2" applyFont="1" applyBorder="1" applyAlignment="1" applyProtection="1">
      <alignment horizontal="center" vertical="center"/>
      <protection locked="0"/>
    </xf>
    <xf numFmtId="0" fontId="98" fillId="0" borderId="28" xfId="2" applyFont="1" applyBorder="1" applyAlignment="1">
      <alignment horizontal="left" vertical="center" wrapText="1" indent="1"/>
    </xf>
    <xf numFmtId="0" fontId="8" fillId="0" borderId="7" xfId="2" applyFont="1" applyBorder="1" applyAlignment="1">
      <alignment horizontal="left" vertical="center" wrapText="1" indent="1"/>
    </xf>
    <xf numFmtId="0" fontId="8" fillId="0" borderId="19" xfId="2" applyFont="1" applyBorder="1" applyAlignment="1">
      <alignment horizontal="left" vertical="center" wrapText="1" indent="1"/>
    </xf>
    <xf numFmtId="0" fontId="33" fillId="0" borderId="10" xfId="2" applyFont="1" applyBorder="1" applyAlignment="1">
      <alignment horizontal="center" vertical="center"/>
    </xf>
    <xf numFmtId="0" fontId="8" fillId="0" borderId="11" xfId="2" applyFont="1" applyBorder="1" applyAlignment="1">
      <alignment horizontal="left" vertical="center" wrapText="1"/>
    </xf>
    <xf numFmtId="0" fontId="8" fillId="0" borderId="10" xfId="2" applyFont="1" applyBorder="1" applyAlignment="1">
      <alignment horizontal="left" vertical="center" wrapText="1"/>
    </xf>
    <xf numFmtId="0" fontId="48" fillId="0" borderId="11" xfId="2" applyFont="1" applyBorder="1" applyAlignment="1">
      <alignment horizontal="center" vertical="center" wrapText="1"/>
    </xf>
    <xf numFmtId="0" fontId="48" fillId="0" borderId="10" xfId="2" applyFont="1" applyBorder="1" applyAlignment="1">
      <alignment horizontal="center" vertical="center" wrapText="1"/>
    </xf>
    <xf numFmtId="0" fontId="8" fillId="0" borderId="28" xfId="2" applyFont="1" applyBorder="1" applyAlignment="1">
      <alignment horizontal="left" vertical="center" wrapText="1"/>
    </xf>
    <xf numFmtId="0" fontId="8" fillId="0" borderId="7" xfId="2" applyFont="1" applyBorder="1" applyAlignment="1">
      <alignment horizontal="left" vertical="center" wrapText="1"/>
    </xf>
    <xf numFmtId="0" fontId="8" fillId="0" borderId="19" xfId="2" applyFont="1" applyBorder="1" applyAlignment="1">
      <alignment horizontal="left" vertical="center" wrapText="1"/>
    </xf>
    <xf numFmtId="0" fontId="33" fillId="0" borderId="6" xfId="2" applyFont="1" applyBorder="1" applyAlignment="1" applyProtection="1">
      <alignment horizontal="center" vertical="center" wrapText="1"/>
      <protection locked="0"/>
    </xf>
    <xf numFmtId="0" fontId="33" fillId="0" borderId="14" xfId="2" applyFont="1" applyBorder="1" applyAlignment="1" applyProtection="1">
      <alignment horizontal="center" vertical="center" wrapText="1"/>
      <protection locked="0"/>
    </xf>
    <xf numFmtId="0" fontId="33" fillId="0" borderId="3" xfId="2" applyFont="1" applyBorder="1" applyAlignment="1" applyProtection="1">
      <alignment horizontal="center" vertical="center" wrapText="1"/>
      <protection locked="0"/>
    </xf>
    <xf numFmtId="0" fontId="33" fillId="0" borderId="4" xfId="2" applyFont="1" applyBorder="1" applyAlignment="1" applyProtection="1">
      <alignment horizontal="center" vertical="center" wrapText="1"/>
      <protection locked="0"/>
    </xf>
    <xf numFmtId="0" fontId="8" fillId="0" borderId="46" xfId="2" applyFont="1" applyBorder="1" applyAlignment="1">
      <alignment horizontal="center" vertical="center" wrapText="1"/>
    </xf>
    <xf numFmtId="0" fontId="8" fillId="0" borderId="46" xfId="2" applyFont="1" applyBorder="1" applyAlignment="1">
      <alignment horizontal="center" vertical="center"/>
    </xf>
    <xf numFmtId="0" fontId="8" fillId="0" borderId="45" xfId="2" applyFont="1" applyBorder="1" applyAlignment="1">
      <alignment horizontal="center" vertical="center"/>
    </xf>
    <xf numFmtId="0" fontId="8" fillId="0" borderId="44" xfId="2" applyFont="1" applyBorder="1" applyAlignment="1">
      <alignment horizontal="center" vertical="center" wrapText="1"/>
    </xf>
    <xf numFmtId="0" fontId="8" fillId="0" borderId="5" xfId="2" applyFont="1" applyBorder="1" applyAlignment="1">
      <alignment horizontal="left" vertical="center" wrapText="1" indent="1"/>
    </xf>
    <xf numFmtId="0" fontId="8" fillId="0" borderId="4" xfId="2" applyFont="1" applyBorder="1" applyAlignment="1">
      <alignment horizontal="left" vertical="center" wrapText="1" indent="1"/>
    </xf>
    <xf numFmtId="0" fontId="33" fillId="0" borderId="10" xfId="2" applyFont="1" applyBorder="1" applyAlignment="1" applyProtection="1">
      <alignment horizontal="center" vertical="center"/>
      <protection locked="0"/>
    </xf>
    <xf numFmtId="0" fontId="98" fillId="0" borderId="28" xfId="2" applyFont="1" applyBorder="1" applyAlignment="1">
      <alignment horizontal="left" vertical="center" wrapText="1"/>
    </xf>
    <xf numFmtId="0" fontId="8" fillId="0" borderId="28" xfId="2" applyFont="1" applyBorder="1" applyAlignment="1">
      <alignment horizontal="left" vertical="center" indent="2"/>
    </xf>
    <xf numFmtId="0" fontId="8" fillId="0" borderId="7" xfId="2" applyFont="1" applyBorder="1" applyAlignment="1">
      <alignment horizontal="left" vertical="center" indent="2"/>
    </xf>
    <xf numFmtId="0" fontId="8" fillId="0" borderId="19" xfId="2" applyFont="1" applyBorder="1" applyAlignment="1">
      <alignment horizontal="left" vertical="center" indent="2"/>
    </xf>
    <xf numFmtId="0" fontId="15" fillId="0" borderId="28" xfId="2" applyFont="1" applyBorder="1" applyAlignment="1" applyProtection="1">
      <alignment horizontal="center" vertical="center" wrapText="1"/>
      <protection locked="0"/>
    </xf>
    <xf numFmtId="0" fontId="15" fillId="0" borderId="19" xfId="2" applyFont="1" applyBorder="1" applyAlignment="1" applyProtection="1">
      <alignment horizontal="center" vertical="center" wrapText="1"/>
      <protection locked="0"/>
    </xf>
    <xf numFmtId="0" fontId="33" fillId="0" borderId="9" xfId="2" applyFont="1" applyBorder="1" applyAlignment="1" applyProtection="1">
      <alignment horizontal="left" vertical="center"/>
      <protection locked="0"/>
    </xf>
    <xf numFmtId="0" fontId="33" fillId="0" borderId="0" xfId="2" applyFont="1" applyAlignment="1" applyProtection="1">
      <alignment horizontal="left" vertical="center"/>
      <protection locked="0"/>
    </xf>
    <xf numFmtId="0" fontId="8" fillId="0" borderId="5" xfId="2" applyFont="1" applyBorder="1" applyAlignment="1">
      <alignment horizontal="left" vertical="center" wrapText="1"/>
    </xf>
    <xf numFmtId="0" fontId="8" fillId="0" borderId="6" xfId="2" applyFont="1" applyBorder="1" applyAlignment="1">
      <alignment horizontal="center" vertical="center" wrapText="1"/>
    </xf>
    <xf numFmtId="0" fontId="8" fillId="0" borderId="8" xfId="2" applyFont="1" applyBorder="1" applyAlignment="1">
      <alignment horizontal="center" vertical="center" wrapText="1"/>
    </xf>
    <xf numFmtId="0" fontId="8" fillId="0" borderId="14" xfId="2" applyFont="1" applyBorder="1" applyAlignment="1">
      <alignment horizontal="center" vertical="center" wrapText="1"/>
    </xf>
    <xf numFmtId="0" fontId="8" fillId="0" borderId="62" xfId="2" applyFont="1" applyBorder="1" applyAlignment="1">
      <alignment horizontal="center" vertical="center" wrapText="1"/>
    </xf>
    <xf numFmtId="0" fontId="8" fillId="0" borderId="53" xfId="2" applyFont="1" applyBorder="1" applyAlignment="1">
      <alignment horizontal="center" vertical="center" wrapText="1"/>
    </xf>
    <xf numFmtId="0" fontId="8" fillId="0" borderId="63" xfId="2" applyFont="1" applyBorder="1" applyAlignment="1">
      <alignment horizontal="center" vertical="center" wrapText="1"/>
    </xf>
    <xf numFmtId="0" fontId="15" fillId="0" borderId="6" xfId="2" applyFont="1" applyBorder="1" applyAlignment="1">
      <alignment horizontal="center" vertical="center" wrapText="1"/>
    </xf>
    <xf numFmtId="0" fontId="15" fillId="0" borderId="14" xfId="2" applyFont="1" applyBorder="1" applyAlignment="1">
      <alignment horizontal="center" vertical="center" wrapText="1"/>
    </xf>
    <xf numFmtId="0" fontId="15" fillId="0" borderId="62" xfId="2" applyFont="1" applyBorder="1" applyAlignment="1">
      <alignment horizontal="center" vertical="center" wrapText="1"/>
    </xf>
    <xf numFmtId="0" fontId="15" fillId="0" borderId="63" xfId="2" applyFont="1" applyBorder="1" applyAlignment="1">
      <alignment horizontal="center" vertical="center" wrapText="1"/>
    </xf>
    <xf numFmtId="0" fontId="8" fillId="0" borderId="11" xfId="2" applyFont="1" applyBorder="1" applyAlignment="1">
      <alignment horizontal="center" vertical="center" wrapText="1"/>
    </xf>
    <xf numFmtId="0" fontId="8" fillId="0" borderId="64" xfId="2" applyFont="1" applyBorder="1" applyAlignment="1">
      <alignment horizontal="center" vertical="center"/>
    </xf>
    <xf numFmtId="0" fontId="8" fillId="0" borderId="9" xfId="2" applyFont="1" applyBorder="1" applyAlignment="1">
      <alignment horizontal="center" vertical="center" wrapText="1"/>
    </xf>
    <xf numFmtId="0" fontId="8" fillId="0" borderId="55" xfId="2" applyFont="1" applyBorder="1" applyAlignment="1">
      <alignment horizontal="center" vertical="center" wrapText="1"/>
    </xf>
    <xf numFmtId="0" fontId="8" fillId="0" borderId="57" xfId="2" applyFont="1" applyBorder="1" applyAlignment="1">
      <alignment horizontal="left" vertical="center" indent="2"/>
    </xf>
    <xf numFmtId="0" fontId="8" fillId="0" borderId="58" xfId="2" applyFont="1" applyBorder="1" applyAlignment="1">
      <alignment horizontal="left" vertical="center" indent="2"/>
    </xf>
    <xf numFmtId="0" fontId="8" fillId="0" borderId="59" xfId="2" applyFont="1" applyBorder="1" applyAlignment="1">
      <alignment horizontal="left" vertical="center" indent="2"/>
    </xf>
    <xf numFmtId="0" fontId="15" fillId="0" borderId="3" xfId="2" applyFont="1" applyBorder="1" applyAlignment="1" applyProtection="1">
      <alignment horizontal="center" vertical="center" wrapText="1"/>
      <protection locked="0"/>
    </xf>
    <xf numFmtId="0" fontId="15" fillId="0" borderId="4" xfId="2" applyFont="1" applyBorder="1" applyAlignment="1" applyProtection="1">
      <alignment horizontal="center" vertical="center" wrapText="1"/>
      <protection locked="0"/>
    </xf>
    <xf numFmtId="0" fontId="33" fillId="0" borderId="10" xfId="2" applyFont="1" applyBorder="1" applyAlignment="1" applyProtection="1">
      <alignment horizontal="left" vertical="center"/>
      <protection locked="0"/>
    </xf>
    <xf numFmtId="49" fontId="34" fillId="0" borderId="0" xfId="10" applyNumberFormat="1" applyFont="1" applyBorder="1" applyAlignment="1">
      <alignment horizontal="center" vertical="center"/>
    </xf>
    <xf numFmtId="0" fontId="33" fillId="0" borderId="11" xfId="0" applyFont="1" applyFill="1" applyBorder="1" applyAlignment="1" applyProtection="1">
      <alignment horizontal="center" vertical="center" wrapText="1"/>
      <protection locked="0"/>
    </xf>
    <xf numFmtId="0" fontId="33" fillId="0" borderId="10" xfId="0" applyFont="1" applyFill="1" applyBorder="1" applyAlignment="1" applyProtection="1">
      <alignment horizontal="center" vertical="center" wrapText="1"/>
      <protection locked="0"/>
    </xf>
    <xf numFmtId="0" fontId="33" fillId="0" borderId="9" xfId="0" applyFont="1" applyFill="1" applyBorder="1" applyAlignment="1" applyProtection="1">
      <alignment horizontal="center" vertical="center"/>
      <protection locked="0"/>
    </xf>
    <xf numFmtId="0" fontId="31" fillId="0" borderId="15" xfId="10" applyFont="1" applyBorder="1" applyAlignment="1">
      <alignment horizontal="center" vertical="center" wrapText="1"/>
    </xf>
    <xf numFmtId="0" fontId="31" fillId="0" borderId="16" xfId="10" applyFont="1" applyBorder="1" applyAlignment="1">
      <alignment horizontal="center" vertical="center" wrapText="1"/>
    </xf>
    <xf numFmtId="0" fontId="31" fillId="0" borderId="17" xfId="10" applyFont="1" applyBorder="1" applyAlignment="1">
      <alignment horizontal="center" vertical="center" wrapText="1"/>
    </xf>
    <xf numFmtId="0" fontId="33" fillId="0" borderId="12" xfId="0" applyFont="1" applyFill="1" applyBorder="1" applyAlignment="1" applyProtection="1">
      <alignment horizontal="center" vertical="center" wrapText="1"/>
      <protection locked="0"/>
    </xf>
    <xf numFmtId="0" fontId="109" fillId="0" borderId="0" xfId="0" applyFont="1" applyBorder="1" applyAlignment="1">
      <alignment vertical="center" wrapText="1"/>
    </xf>
    <xf numFmtId="0" fontId="37" fillId="0" borderId="0" xfId="0" applyFont="1" applyBorder="1" applyAlignment="1">
      <alignment vertical="center" wrapText="1"/>
    </xf>
    <xf numFmtId="0" fontId="33" fillId="0" borderId="11" xfId="0" applyFont="1" applyBorder="1" applyAlignment="1">
      <alignment horizontal="center" vertical="center"/>
    </xf>
    <xf numFmtId="0" fontId="31" fillId="0" borderId="15" xfId="6" applyFont="1" applyBorder="1" applyAlignment="1">
      <alignment horizontal="center" vertical="center" wrapText="1"/>
    </xf>
    <xf numFmtId="0" fontId="31" fillId="0" borderId="16" xfId="6" applyFont="1" applyBorder="1" applyAlignment="1">
      <alignment horizontal="center" vertical="center" wrapText="1"/>
    </xf>
    <xf numFmtId="0" fontId="31" fillId="0" borderId="17" xfId="6" applyFont="1" applyBorder="1" applyAlignment="1">
      <alignment horizontal="center" vertical="center" wrapText="1"/>
    </xf>
    <xf numFmtId="0" fontId="33" fillId="0" borderId="11" xfId="0" applyFont="1" applyFill="1" applyBorder="1" applyAlignment="1" applyProtection="1">
      <alignment horizontal="center" vertical="center"/>
      <protection locked="0"/>
    </xf>
    <xf numFmtId="0" fontId="33" fillId="0" borderId="12" xfId="0" applyFont="1" applyFill="1" applyBorder="1" applyAlignment="1" applyProtection="1">
      <alignment horizontal="center" vertical="center"/>
      <protection locked="0"/>
    </xf>
    <xf numFmtId="0" fontId="33" fillId="0" borderId="10" xfId="0" applyFont="1" applyFill="1" applyBorder="1" applyAlignment="1" applyProtection="1">
      <alignment horizontal="center" vertical="center"/>
      <protection locked="0"/>
    </xf>
    <xf numFmtId="0" fontId="33" fillId="0" borderId="15" xfId="11" applyFont="1" applyBorder="1" applyAlignment="1">
      <alignment horizontal="center" vertical="center" wrapText="1"/>
    </xf>
    <xf numFmtId="0" fontId="33" fillId="0" borderId="16" xfId="11" applyFont="1" applyBorder="1" applyAlignment="1">
      <alignment horizontal="center" vertical="center" wrapText="1"/>
    </xf>
    <xf numFmtId="0" fontId="33" fillId="0" borderId="17" xfId="11" applyFont="1" applyBorder="1" applyAlignment="1">
      <alignment horizontal="center" vertical="center" wrapText="1"/>
    </xf>
    <xf numFmtId="0" fontId="33" fillId="0" borderId="9" xfId="0" applyFont="1" applyBorder="1" applyAlignment="1" applyProtection="1">
      <alignment horizontal="center" vertical="center"/>
      <protection locked="0"/>
    </xf>
    <xf numFmtId="0" fontId="33" fillId="0" borderId="11" xfId="0" applyFont="1" applyBorder="1" applyAlignment="1">
      <alignment horizontal="center" vertical="center" wrapText="1"/>
    </xf>
    <xf numFmtId="0" fontId="33" fillId="0" borderId="10" xfId="0" applyFont="1" applyBorder="1" applyAlignment="1">
      <alignment horizontal="center" vertical="center" wrapText="1"/>
    </xf>
    <xf numFmtId="177" fontId="33" fillId="0" borderId="11" xfId="0" applyNumberFormat="1" applyFont="1" applyBorder="1" applyAlignment="1">
      <alignment horizontal="center" vertical="center"/>
    </xf>
    <xf numFmtId="0" fontId="75" fillId="0" borderId="11" xfId="0" applyFont="1" applyBorder="1" applyAlignment="1">
      <alignment vertical="center" wrapText="1"/>
    </xf>
    <xf numFmtId="0" fontId="33" fillId="0" borderId="10" xfId="0" applyFont="1" applyBorder="1" applyAlignment="1">
      <alignment vertical="center" wrapText="1"/>
    </xf>
    <xf numFmtId="0" fontId="33" fillId="0" borderId="9" xfId="0" applyFont="1" applyBorder="1" applyAlignment="1">
      <alignment horizontal="center" vertical="center" wrapText="1"/>
    </xf>
    <xf numFmtId="0" fontId="33" fillId="0" borderId="11" xfId="0" applyFont="1" applyBorder="1" applyAlignment="1" applyProtection="1">
      <alignment horizontal="center" vertical="center"/>
      <protection locked="0"/>
    </xf>
    <xf numFmtId="0" fontId="33" fillId="0" borderId="8" xfId="0" applyFont="1" applyBorder="1" applyAlignment="1">
      <alignment vertical="center" wrapText="1"/>
    </xf>
    <xf numFmtId="0" fontId="33" fillId="0" borderId="8" xfId="0" applyFont="1" applyBorder="1">
      <alignment vertical="center"/>
    </xf>
    <xf numFmtId="0" fontId="38" fillId="2" borderId="11" xfId="0" applyFont="1" applyFill="1" applyBorder="1" applyAlignment="1">
      <alignment horizontal="center" vertical="center" wrapText="1"/>
    </xf>
    <xf numFmtId="0" fontId="90" fillId="0" borderId="12" xfId="0" applyFont="1" applyBorder="1" applyAlignment="1">
      <alignment horizontal="center" vertical="center"/>
    </xf>
    <xf numFmtId="0" fontId="90" fillId="0" borderId="10" xfId="0" applyFont="1" applyBorder="1" applyAlignment="1">
      <alignment horizontal="center" vertical="center"/>
    </xf>
    <xf numFmtId="177" fontId="33" fillId="0" borderId="6" xfId="0" applyNumberFormat="1" applyFont="1" applyBorder="1" applyAlignment="1">
      <alignment horizontal="center" vertical="center"/>
    </xf>
    <xf numFmtId="0" fontId="33" fillId="0" borderId="3" xfId="0" applyFont="1" applyBorder="1" applyAlignment="1">
      <alignment horizontal="center" vertical="center"/>
    </xf>
    <xf numFmtId="0" fontId="33" fillId="0" borderId="11" xfId="0" applyFont="1" applyBorder="1" applyAlignment="1">
      <alignment vertical="center" wrapText="1"/>
    </xf>
    <xf numFmtId="0" fontId="33" fillId="0" borderId="9" xfId="0" applyFont="1" applyBorder="1">
      <alignment vertical="center"/>
    </xf>
    <xf numFmtId="0" fontId="8" fillId="4" borderId="8" xfId="2" applyFont="1" applyFill="1" applyBorder="1" applyAlignment="1">
      <alignment horizontal="left" vertical="center" wrapText="1"/>
    </xf>
    <xf numFmtId="0" fontId="8" fillId="0" borderId="8" xfId="0" applyFont="1" applyBorder="1" applyAlignment="1">
      <alignment vertical="center" wrapText="1"/>
    </xf>
    <xf numFmtId="0" fontId="8" fillId="0" borderId="14" xfId="0" applyFont="1" applyBorder="1" applyAlignment="1">
      <alignment vertical="center" wrapText="1"/>
    </xf>
    <xf numFmtId="0" fontId="8" fillId="0" borderId="2" xfId="0" applyFont="1" applyBorder="1" applyAlignment="1">
      <alignment vertical="center" wrapText="1"/>
    </xf>
    <xf numFmtId="0" fontId="13" fillId="0" borderId="0" xfId="0" applyFont="1" applyAlignment="1">
      <alignment horizontal="left" vertical="center"/>
    </xf>
    <xf numFmtId="0" fontId="13" fillId="0" borderId="2" xfId="0" applyFont="1" applyBorder="1" applyAlignment="1">
      <alignment horizontal="left" vertical="center"/>
    </xf>
    <xf numFmtId="0" fontId="33" fillId="0" borderId="5" xfId="0" applyFont="1" applyBorder="1" applyAlignment="1">
      <alignment horizontal="center" vertical="center" wrapText="1"/>
    </xf>
    <xf numFmtId="0" fontId="33" fillId="0" borderId="4" xfId="0" applyFont="1" applyBorder="1" applyAlignment="1">
      <alignment horizontal="center" vertical="center" wrapText="1"/>
    </xf>
    <xf numFmtId="177" fontId="33" fillId="0" borderId="11" xfId="0" applyNumberFormat="1" applyFont="1" applyFill="1" applyBorder="1" applyAlignment="1">
      <alignment horizontal="center" vertical="center"/>
    </xf>
    <xf numFmtId="0" fontId="33" fillId="0" borderId="10" xfId="0" applyFont="1" applyFill="1" applyBorder="1" applyAlignment="1">
      <alignment horizontal="center" vertical="center"/>
    </xf>
    <xf numFmtId="0" fontId="75" fillId="0" borderId="11" xfId="0" applyFont="1" applyFill="1" applyBorder="1" applyAlignment="1">
      <alignment vertical="center" wrapText="1"/>
    </xf>
    <xf numFmtId="0" fontId="33" fillId="0" borderId="10" xfId="0" applyFont="1" applyFill="1" applyBorder="1" applyAlignment="1">
      <alignment vertical="center" wrapText="1"/>
    </xf>
    <xf numFmtId="0" fontId="33" fillId="0" borderId="65" xfId="0" applyFont="1" applyBorder="1" applyProtection="1">
      <alignment vertical="center"/>
      <protection locked="0"/>
    </xf>
    <xf numFmtId="0" fontId="33" fillId="0" borderId="66" xfId="0" applyFont="1" applyBorder="1" applyProtection="1">
      <alignment vertical="center"/>
      <protection locked="0"/>
    </xf>
    <xf numFmtId="0" fontId="33" fillId="0" borderId="67" xfId="0" applyFont="1" applyBorder="1" applyProtection="1">
      <alignment vertical="center"/>
      <protection locked="0"/>
    </xf>
    <xf numFmtId="0" fontId="33" fillId="0" borderId="68" xfId="0" applyFont="1" applyBorder="1" applyProtection="1">
      <alignment vertical="center"/>
      <protection locked="0"/>
    </xf>
    <xf numFmtId="0" fontId="33" fillId="0" borderId="69" xfId="0" applyFont="1" applyBorder="1" applyProtection="1">
      <alignment vertical="center"/>
      <protection locked="0"/>
    </xf>
    <xf numFmtId="0" fontId="33" fillId="0" borderId="70" xfId="0" applyFont="1" applyBorder="1" applyProtection="1">
      <alignment vertical="center"/>
      <protection locked="0"/>
    </xf>
    <xf numFmtId="0" fontId="36" fillId="4" borderId="0" xfId="2" quotePrefix="1" applyFont="1" applyFill="1" applyAlignment="1">
      <alignment horizontal="center" vertical="center"/>
    </xf>
    <xf numFmtId="0" fontId="48" fillId="0" borderId="0" xfId="0" applyFont="1">
      <alignment vertical="center"/>
    </xf>
    <xf numFmtId="0" fontId="33" fillId="0" borderId="15" xfId="0" applyFont="1" applyBorder="1" applyAlignment="1">
      <alignment horizontal="left" vertical="center" wrapText="1"/>
    </xf>
    <xf numFmtId="0" fontId="33" fillId="0" borderId="17" xfId="0" applyFont="1" applyBorder="1" applyAlignment="1">
      <alignment horizontal="left" vertical="center" wrapText="1"/>
    </xf>
    <xf numFmtId="0" fontId="98" fillId="0" borderId="5" xfId="0" applyFont="1" applyBorder="1" applyAlignment="1">
      <alignment horizontal="left" vertical="center"/>
    </xf>
    <xf numFmtId="0" fontId="8" fillId="0" borderId="5" xfId="0" applyFont="1" applyBorder="1" applyAlignment="1">
      <alignment horizontal="left" vertical="center"/>
    </xf>
    <xf numFmtId="0" fontId="8" fillId="0" borderId="4" xfId="0" applyFont="1" applyBorder="1" applyAlignment="1">
      <alignment horizontal="left" vertical="center"/>
    </xf>
    <xf numFmtId="0" fontId="8" fillId="3" borderId="11" xfId="0" applyFont="1" applyFill="1" applyBorder="1" applyAlignment="1">
      <alignment horizontal="center" vertical="center" wrapText="1"/>
    </xf>
    <xf numFmtId="0" fontId="8" fillId="3" borderId="24" xfId="0" applyFont="1" applyFill="1" applyBorder="1" applyAlignment="1">
      <alignment horizontal="center" vertical="center" wrapText="1"/>
    </xf>
    <xf numFmtId="0" fontId="8" fillId="0" borderId="12"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32" fillId="0" borderId="6" xfId="0" applyFont="1" applyBorder="1" applyAlignment="1">
      <alignment horizontal="left" vertical="center" wrapText="1"/>
    </xf>
    <xf numFmtId="0" fontId="32" fillId="0" borderId="14" xfId="0" applyFont="1" applyBorder="1" applyAlignment="1">
      <alignment vertical="center" wrapText="1"/>
    </xf>
    <xf numFmtId="0" fontId="32" fillId="0" borderId="1" xfId="0" applyFont="1" applyBorder="1" applyAlignment="1">
      <alignment vertical="center" wrapText="1"/>
    </xf>
    <xf numFmtId="0" fontId="32" fillId="0" borderId="2" xfId="0" applyFont="1" applyBorder="1" applyAlignment="1">
      <alignment vertical="center" wrapText="1"/>
    </xf>
    <xf numFmtId="0" fontId="8" fillId="0" borderId="41" xfId="0" applyFont="1" applyFill="1" applyBorder="1" applyAlignment="1">
      <alignment horizontal="left" vertical="center" wrapText="1"/>
    </xf>
    <xf numFmtId="0" fontId="8" fillId="0" borderId="43" xfId="0" applyFont="1" applyFill="1" applyBorder="1" applyAlignment="1">
      <alignment horizontal="left" vertical="center" wrapText="1"/>
    </xf>
    <xf numFmtId="0" fontId="9" fillId="0" borderId="9" xfId="0" applyFont="1" applyFill="1" applyBorder="1" applyAlignment="1" applyProtection="1">
      <alignment horizontal="center" vertical="center"/>
      <protection locked="0"/>
    </xf>
    <xf numFmtId="0" fontId="33" fillId="0" borderId="14" xfId="0" applyFont="1" applyBorder="1" applyAlignment="1" applyProtection="1">
      <alignment horizontal="center" vertical="center"/>
    </xf>
    <xf numFmtId="0" fontId="33" fillId="0" borderId="14" xfId="0" applyFont="1" applyBorder="1" applyProtection="1">
      <alignment vertical="center"/>
    </xf>
    <xf numFmtId="0" fontId="33" fillId="0" borderId="2" xfId="0" applyFont="1" applyBorder="1" applyAlignment="1" applyProtection="1">
      <alignment horizontal="center" vertical="center"/>
    </xf>
    <xf numFmtId="0" fontId="33" fillId="0" borderId="19" xfId="0" applyFont="1" applyBorder="1" applyAlignment="1" applyProtection="1">
      <alignment horizontal="center" vertical="center"/>
    </xf>
    <xf numFmtId="0" fontId="33" fillId="0" borderId="19" xfId="0" applyFont="1" applyFill="1" applyBorder="1" applyAlignment="1" applyProtection="1">
      <alignment horizontal="center" vertical="center"/>
    </xf>
    <xf numFmtId="0" fontId="9" fillId="0" borderId="9" xfId="0" applyFont="1" applyBorder="1" applyAlignment="1" applyProtection="1">
      <alignment horizontal="center" vertical="center"/>
      <protection locked="0"/>
    </xf>
    <xf numFmtId="0" fontId="33" fillId="0" borderId="12" xfId="0" applyFont="1" applyBorder="1" applyAlignment="1" applyProtection="1">
      <alignment horizontal="center" vertical="center"/>
      <protection locked="0"/>
    </xf>
    <xf numFmtId="0" fontId="33" fillId="0" borderId="10" xfId="0" applyFont="1" applyBorder="1" applyAlignment="1" applyProtection="1">
      <alignment horizontal="center" vertical="center"/>
      <protection locked="0"/>
    </xf>
  </cellXfs>
  <cellStyles count="12">
    <cellStyle name="Arial 9" xfId="7" xr:uid="{00000000-0005-0000-0000-000000000000}"/>
    <cellStyle name="標準" xfId="0" builtinId="0"/>
    <cellStyle name="標準 2" xfId="1" xr:uid="{00000000-0005-0000-0000-000002000000}"/>
    <cellStyle name="標準 2 2" xfId="9" xr:uid="{00000000-0005-0000-0000-000003000000}"/>
    <cellStyle name="標準 3" xfId="2" xr:uid="{00000000-0005-0000-0000-000004000000}"/>
    <cellStyle name="標準 4" xfId="4" xr:uid="{00000000-0005-0000-0000-000005000000}"/>
    <cellStyle name="標準 5" xfId="5" xr:uid="{00000000-0005-0000-0000-000006000000}"/>
    <cellStyle name="標準 6" xfId="6" xr:uid="{00000000-0005-0000-0000-000007000000}"/>
    <cellStyle name="標準 6 2" xfId="8" xr:uid="{00000000-0005-0000-0000-000008000000}"/>
    <cellStyle name="標準 6 3" xfId="10" xr:uid="{00000000-0005-0000-0000-000009000000}"/>
    <cellStyle name="標準 6 3 2" xfId="11" xr:uid="{D86179EF-31DC-49F8-906F-8C3BCE8A45F5}"/>
    <cellStyle name="標準_sheet2.2e" xfId="3" xr:uid="{00000000-0005-0000-0000-00000A000000}"/>
  </cellStyles>
  <dxfs count="192">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ill>
        <patternFill>
          <bgColor theme="9" tint="0.59996337778862885"/>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s>
  <tableStyles count="0" defaultTableStyle="TableStyleMedium9" defaultPivotStyle="PivotStyleLight16"/>
  <colors>
    <mruColors>
      <color rgb="FFFFFF00"/>
      <color rgb="FFFFFFCC"/>
      <color rgb="FF0000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mbria"/>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7E57BD-9232-40E1-94F3-346568F8ED0A}">
  <sheetPr>
    <tabColor rgb="FFFFFF00"/>
  </sheetPr>
  <dimension ref="B1:N62"/>
  <sheetViews>
    <sheetView showGridLines="0" view="pageBreakPreview" zoomScale="90" zoomScaleNormal="100" zoomScaleSheetLayoutView="90" workbookViewId="0"/>
  </sheetViews>
  <sheetFormatPr defaultColWidth="9.140625" defaultRowHeight="15" customHeight="1"/>
  <cols>
    <col min="1" max="1" width="3.7109375" style="383" customWidth="1"/>
    <col min="2" max="2" width="3.7109375" style="386" customWidth="1"/>
    <col min="3" max="3" width="3.7109375" style="383" customWidth="1"/>
    <col min="4" max="11" width="9.140625" style="383"/>
    <col min="12" max="12" width="4.28515625" style="383" customWidth="1"/>
    <col min="13" max="13" width="16.28515625" style="383" customWidth="1"/>
    <col min="14" max="14" width="10.140625" style="383" customWidth="1"/>
    <col min="15" max="16384" width="9.140625" style="383"/>
  </cols>
  <sheetData>
    <row r="1" spans="2:14" ht="15" customHeight="1">
      <c r="B1" s="383"/>
      <c r="K1" s="695" t="s">
        <v>689</v>
      </c>
      <c r="L1" s="695"/>
      <c r="M1" s="695"/>
    </row>
    <row r="2" spans="2:14" ht="15" customHeight="1">
      <c r="B2" s="383"/>
    </row>
    <row r="3" spans="2:14" ht="19.5" customHeight="1">
      <c r="B3" s="696" t="s">
        <v>1039</v>
      </c>
      <c r="C3" s="697"/>
      <c r="D3" s="697"/>
      <c r="E3" s="697"/>
      <c r="F3" s="697"/>
      <c r="G3" s="697"/>
      <c r="H3" s="697"/>
      <c r="I3" s="697"/>
      <c r="J3" s="697"/>
      <c r="K3" s="697"/>
      <c r="L3" s="697"/>
      <c r="M3" s="697"/>
      <c r="N3" s="697"/>
    </row>
    <row r="4" spans="2:14" ht="15" customHeight="1">
      <c r="B4" s="697"/>
      <c r="C4" s="697"/>
      <c r="D4" s="697"/>
      <c r="E4" s="697"/>
      <c r="F4" s="697"/>
      <c r="G4" s="697"/>
      <c r="H4" s="697"/>
      <c r="I4" s="697"/>
      <c r="J4" s="697"/>
      <c r="K4" s="697"/>
      <c r="L4" s="697"/>
      <c r="M4" s="697"/>
      <c r="N4" s="697"/>
    </row>
    <row r="5" spans="2:14" ht="15" customHeight="1">
      <c r="B5" s="698"/>
      <c r="C5" s="699"/>
      <c r="D5" s="699"/>
      <c r="E5" s="699"/>
      <c r="F5" s="699"/>
      <c r="G5" s="699"/>
      <c r="H5" s="699"/>
      <c r="I5" s="699"/>
      <c r="J5" s="699"/>
      <c r="K5" s="699"/>
      <c r="L5" s="699"/>
      <c r="M5" s="699"/>
    </row>
    <row r="6" spans="2:14" ht="15" customHeight="1">
      <c r="B6" s="700" t="s">
        <v>915</v>
      </c>
      <c r="C6" s="701"/>
      <c r="D6" s="701"/>
      <c r="E6" s="701"/>
      <c r="F6" s="701"/>
      <c r="G6" s="701"/>
      <c r="H6" s="701"/>
      <c r="I6" s="701"/>
      <c r="J6" s="701"/>
      <c r="K6" s="701"/>
      <c r="L6" s="701"/>
      <c r="M6" s="701"/>
    </row>
    <row r="7" spans="2:14" ht="15" customHeight="1">
      <c r="B7" s="383"/>
    </row>
    <row r="8" spans="2:14" ht="15" customHeight="1">
      <c r="B8" s="384" t="s">
        <v>690</v>
      </c>
      <c r="C8" s="383" t="s">
        <v>691</v>
      </c>
      <c r="F8" s="385"/>
    </row>
    <row r="9" spans="2:14" ht="15" customHeight="1">
      <c r="B9" s="384"/>
      <c r="F9" s="385"/>
    </row>
    <row r="10" spans="2:14" ht="15" customHeight="1" thickBot="1">
      <c r="B10" s="384"/>
      <c r="C10" s="386"/>
      <c r="D10" s="387" t="s">
        <v>692</v>
      </c>
      <c r="E10" s="388"/>
      <c r="F10" s="387" t="s">
        <v>693</v>
      </c>
      <c r="G10" s="389"/>
      <c r="H10" s="389"/>
      <c r="I10" s="389"/>
      <c r="J10" s="389"/>
      <c r="K10" s="389"/>
      <c r="L10" s="388"/>
      <c r="M10" s="390" t="s">
        <v>694</v>
      </c>
    </row>
    <row r="11" spans="2:14" ht="15" customHeight="1">
      <c r="B11" s="384"/>
      <c r="C11" s="386"/>
      <c r="D11" s="391" t="s">
        <v>928</v>
      </c>
      <c r="E11" s="392"/>
      <c r="F11" s="393" t="s">
        <v>695</v>
      </c>
      <c r="G11" s="394"/>
      <c r="H11" s="394"/>
      <c r="I11" s="394"/>
      <c r="J11" s="394"/>
      <c r="K11" s="394"/>
      <c r="L11" s="392"/>
      <c r="M11" s="702" t="s">
        <v>586</v>
      </c>
    </row>
    <row r="12" spans="2:14" ht="15" customHeight="1">
      <c r="B12" s="384"/>
      <c r="C12" s="386"/>
      <c r="D12" s="395"/>
      <c r="E12" s="396"/>
      <c r="F12" s="397" t="s">
        <v>696</v>
      </c>
      <c r="G12" s="398"/>
      <c r="H12" s="398"/>
      <c r="I12" s="398"/>
      <c r="J12" s="398"/>
      <c r="K12" s="398"/>
      <c r="L12" s="396"/>
      <c r="M12" s="703"/>
    </row>
    <row r="13" spans="2:14" ht="15" customHeight="1">
      <c r="D13" s="399" t="s">
        <v>929</v>
      </c>
      <c r="E13" s="400"/>
      <c r="F13" s="401" t="s">
        <v>697</v>
      </c>
      <c r="G13" s="402"/>
      <c r="H13" s="402"/>
      <c r="I13" s="402"/>
      <c r="J13" s="402"/>
      <c r="K13" s="402"/>
      <c r="L13" s="400"/>
      <c r="M13" s="704" t="s">
        <v>587</v>
      </c>
    </row>
    <row r="14" spans="2:14" ht="15" customHeight="1">
      <c r="D14" s="391"/>
      <c r="E14" s="392"/>
      <c r="F14" s="393" t="s">
        <v>698</v>
      </c>
      <c r="G14" s="394"/>
      <c r="H14" s="394"/>
      <c r="I14" s="394"/>
      <c r="J14" s="394"/>
      <c r="K14" s="394"/>
      <c r="L14" s="392"/>
      <c r="M14" s="705"/>
    </row>
    <row r="15" spans="2:14" ht="15" customHeight="1">
      <c r="D15" s="395"/>
      <c r="E15" s="396"/>
      <c r="F15" s="397" t="s">
        <v>699</v>
      </c>
      <c r="G15" s="398"/>
      <c r="H15" s="398"/>
      <c r="I15" s="398"/>
      <c r="J15" s="398"/>
      <c r="K15" s="398"/>
      <c r="L15" s="396"/>
      <c r="M15" s="706"/>
    </row>
    <row r="16" spans="2:14" ht="24">
      <c r="D16" s="403" t="s">
        <v>930</v>
      </c>
      <c r="E16" s="207"/>
      <c r="F16" s="397" t="s">
        <v>916</v>
      </c>
      <c r="G16" s="404"/>
      <c r="H16" s="404"/>
      <c r="I16" s="404"/>
      <c r="J16" s="404"/>
      <c r="K16" s="404"/>
      <c r="L16" s="207"/>
      <c r="M16" s="405" t="s">
        <v>588</v>
      </c>
    </row>
    <row r="17" spans="2:13" ht="26.1" customHeight="1">
      <c r="B17" s="384"/>
      <c r="C17" s="386"/>
      <c r="D17" s="403" t="s">
        <v>931</v>
      </c>
      <c r="E17" s="406"/>
      <c r="F17" s="407" t="s">
        <v>1044</v>
      </c>
      <c r="G17" s="408"/>
      <c r="H17" s="408"/>
      <c r="I17" s="408"/>
      <c r="J17" s="408"/>
      <c r="K17" s="408"/>
      <c r="L17" s="406"/>
      <c r="M17" s="405" t="s">
        <v>700</v>
      </c>
    </row>
    <row r="18" spans="2:13" ht="26.1" customHeight="1">
      <c r="B18" s="384"/>
      <c r="C18" s="386"/>
      <c r="D18" s="403" t="s">
        <v>932</v>
      </c>
      <c r="E18" s="406"/>
      <c r="F18" s="407" t="s">
        <v>701</v>
      </c>
      <c r="G18" s="408"/>
      <c r="H18" s="408"/>
      <c r="I18" s="408"/>
      <c r="J18" s="408"/>
      <c r="K18" s="408"/>
      <c r="L18" s="406"/>
      <c r="M18" s="434" t="s">
        <v>251</v>
      </c>
    </row>
    <row r="19" spans="2:13" ht="26.1" customHeight="1">
      <c r="D19" s="409" t="s">
        <v>933</v>
      </c>
      <c r="E19" s="305"/>
      <c r="F19" s="410" t="s">
        <v>702</v>
      </c>
      <c r="G19" s="411"/>
      <c r="H19" s="411"/>
      <c r="I19" s="411"/>
      <c r="J19" s="411"/>
      <c r="K19" s="411"/>
      <c r="L19" s="305"/>
      <c r="M19" s="412" t="s">
        <v>362</v>
      </c>
    </row>
    <row r="20" spans="2:13" ht="26.1" customHeight="1">
      <c r="B20" s="384"/>
      <c r="C20" s="386"/>
      <c r="D20" s="413" t="s">
        <v>934</v>
      </c>
      <c r="E20" s="414"/>
      <c r="F20" s="689" t="s">
        <v>1041</v>
      </c>
      <c r="G20" s="690"/>
      <c r="H20" s="690"/>
      <c r="I20" s="690"/>
      <c r="J20" s="690"/>
      <c r="K20" s="690"/>
      <c r="L20" s="691"/>
      <c r="M20" s="415" t="s">
        <v>1047</v>
      </c>
    </row>
    <row r="21" spans="2:13" ht="14.25">
      <c r="B21" s="384"/>
      <c r="C21" s="386"/>
      <c r="D21" s="692" t="s">
        <v>917</v>
      </c>
      <c r="E21" s="693"/>
      <c r="F21" s="693"/>
      <c r="G21" s="693"/>
      <c r="H21" s="693"/>
      <c r="I21" s="693"/>
      <c r="J21" s="693"/>
      <c r="K21" s="693"/>
      <c r="L21" s="693"/>
      <c r="M21" s="693"/>
    </row>
    <row r="22" spans="2:13" ht="14.25" customHeight="1">
      <c r="B22" s="384"/>
      <c r="C22" s="386"/>
      <c r="D22" s="694"/>
      <c r="E22" s="694"/>
      <c r="F22" s="694"/>
      <c r="G22" s="694"/>
      <c r="H22" s="694"/>
      <c r="I22" s="694"/>
      <c r="J22" s="694"/>
      <c r="K22" s="694"/>
      <c r="L22" s="694"/>
      <c r="M22" s="694"/>
    </row>
    <row r="23" spans="2:13" ht="14.25" customHeight="1">
      <c r="B23" s="384"/>
      <c r="C23" s="386"/>
      <c r="D23" s="694"/>
      <c r="E23" s="694"/>
      <c r="F23" s="694"/>
      <c r="G23" s="694"/>
      <c r="H23" s="694"/>
      <c r="I23" s="694"/>
      <c r="J23" s="694"/>
      <c r="K23" s="694"/>
      <c r="L23" s="694"/>
      <c r="M23" s="694"/>
    </row>
    <row r="24" spans="2:13" ht="14.25" customHeight="1">
      <c r="B24" s="384"/>
      <c r="C24" s="386"/>
      <c r="D24" s="694"/>
      <c r="E24" s="694"/>
      <c r="F24" s="694"/>
      <c r="G24" s="694"/>
      <c r="H24" s="694"/>
      <c r="I24" s="694"/>
      <c r="J24" s="694"/>
      <c r="K24" s="694"/>
      <c r="L24" s="694"/>
      <c r="M24" s="694"/>
    </row>
    <row r="25" spans="2:13" ht="14.25" customHeight="1">
      <c r="B25" s="384"/>
      <c r="C25" s="637" t="s">
        <v>935</v>
      </c>
      <c r="D25" s="417"/>
      <c r="E25" s="417"/>
      <c r="F25" s="418"/>
      <c r="G25" s="417"/>
      <c r="H25" s="417"/>
      <c r="I25" s="417"/>
      <c r="J25" s="417"/>
      <c r="K25" s="417"/>
      <c r="L25" s="417"/>
      <c r="M25" s="419"/>
    </row>
    <row r="26" spans="2:13" ht="14.25" customHeight="1">
      <c r="C26" s="425" t="s">
        <v>936</v>
      </c>
      <c r="D26" s="420"/>
      <c r="F26" s="421"/>
      <c r="M26" s="422"/>
    </row>
    <row r="27" spans="2:13" ht="14.25" customHeight="1">
      <c r="C27" s="425" t="s">
        <v>1038</v>
      </c>
      <c r="D27" s="416"/>
      <c r="E27" s="423"/>
      <c r="F27" s="424"/>
    </row>
    <row r="28" spans="2:13" ht="15" customHeight="1">
      <c r="B28" s="384"/>
      <c r="C28" s="383" t="s">
        <v>918</v>
      </c>
      <c r="F28" s="385"/>
    </row>
    <row r="29" spans="2:13" ht="15" customHeight="1">
      <c r="B29" s="384"/>
      <c r="C29" s="638" t="s">
        <v>919</v>
      </c>
    </row>
    <row r="30" spans="2:13" ht="15" customHeight="1">
      <c r="B30" s="384"/>
      <c r="C30" s="638"/>
    </row>
    <row r="31" spans="2:13" ht="15" customHeight="1">
      <c r="B31" s="384" t="s">
        <v>703</v>
      </c>
      <c r="C31" s="425" t="s">
        <v>937</v>
      </c>
    </row>
    <row r="32" spans="2:13" ht="15" customHeight="1">
      <c r="D32" s="383" t="s">
        <v>704</v>
      </c>
    </row>
    <row r="33" spans="2:11" ht="15" customHeight="1">
      <c r="D33" s="383" t="s">
        <v>705</v>
      </c>
    </row>
    <row r="34" spans="2:11" ht="15" customHeight="1">
      <c r="C34" s="639" t="s">
        <v>920</v>
      </c>
    </row>
    <row r="35" spans="2:11" ht="15" customHeight="1">
      <c r="C35" s="425" t="s">
        <v>938</v>
      </c>
    </row>
    <row r="36" spans="2:11" ht="15" customHeight="1">
      <c r="C36" s="383" t="s">
        <v>706</v>
      </c>
    </row>
    <row r="37" spans="2:11" ht="15" customHeight="1">
      <c r="C37" s="383" t="s">
        <v>707</v>
      </c>
    </row>
    <row r="39" spans="2:11" ht="15" customHeight="1">
      <c r="B39" s="384" t="s">
        <v>708</v>
      </c>
      <c r="C39" s="425" t="s">
        <v>939</v>
      </c>
    </row>
    <row r="40" spans="2:11" ht="15" customHeight="1">
      <c r="D40" s="426" t="s">
        <v>709</v>
      </c>
      <c r="E40" s="427"/>
      <c r="F40" s="428" t="s">
        <v>710</v>
      </c>
      <c r="G40" s="427" t="s">
        <v>711</v>
      </c>
      <c r="H40" s="427"/>
      <c r="I40" s="427"/>
      <c r="J40" s="427"/>
      <c r="K40" s="427"/>
    </row>
    <row r="41" spans="2:11" ht="15" customHeight="1">
      <c r="D41" s="426" t="s">
        <v>921</v>
      </c>
      <c r="E41" s="427"/>
      <c r="F41" s="428" t="s">
        <v>710</v>
      </c>
      <c r="G41" s="427" t="s">
        <v>712</v>
      </c>
      <c r="H41" s="427"/>
      <c r="I41" s="427"/>
      <c r="J41" s="427"/>
      <c r="K41" s="427"/>
    </row>
    <row r="42" spans="2:11" ht="15" customHeight="1">
      <c r="D42" s="426" t="s">
        <v>713</v>
      </c>
      <c r="E42" s="427"/>
      <c r="F42" s="428" t="s">
        <v>710</v>
      </c>
      <c r="G42" s="427" t="s">
        <v>714</v>
      </c>
      <c r="H42" s="427"/>
      <c r="I42" s="427"/>
      <c r="J42" s="427"/>
      <c r="K42" s="427"/>
    </row>
    <row r="43" spans="2:11" ht="15" customHeight="1">
      <c r="D43" s="426" t="s">
        <v>715</v>
      </c>
      <c r="E43" s="427"/>
      <c r="F43" s="428" t="s">
        <v>710</v>
      </c>
      <c r="G43" s="427" t="s">
        <v>716</v>
      </c>
      <c r="H43" s="427"/>
      <c r="I43" s="427"/>
      <c r="J43" s="427"/>
      <c r="K43" s="427"/>
    </row>
    <row r="44" spans="2:11" ht="15" customHeight="1">
      <c r="D44" s="426"/>
      <c r="E44" s="427"/>
      <c r="F44" s="428"/>
      <c r="G44" s="427"/>
      <c r="H44" s="427"/>
      <c r="I44" s="427"/>
      <c r="J44" s="427"/>
      <c r="K44" s="427"/>
    </row>
    <row r="45" spans="2:11" ht="15" customHeight="1">
      <c r="B45" s="384" t="s">
        <v>717</v>
      </c>
      <c r="C45" s="425" t="s">
        <v>940</v>
      </c>
    </row>
    <row r="46" spans="2:11" ht="15" customHeight="1">
      <c r="D46" s="426" t="s">
        <v>709</v>
      </c>
      <c r="E46" s="427"/>
      <c r="F46" s="428" t="s">
        <v>710</v>
      </c>
      <c r="G46" s="427" t="s">
        <v>711</v>
      </c>
      <c r="H46" s="427"/>
      <c r="I46" s="427"/>
      <c r="J46" s="427"/>
      <c r="K46" s="427"/>
    </row>
    <row r="47" spans="2:11" ht="15" customHeight="1">
      <c r="D47" s="426" t="s">
        <v>921</v>
      </c>
      <c r="E47" s="427"/>
      <c r="F47" s="428" t="s">
        <v>710</v>
      </c>
      <c r="G47" s="427" t="s">
        <v>712</v>
      </c>
      <c r="H47" s="427"/>
      <c r="I47" s="427"/>
      <c r="J47" s="427"/>
      <c r="K47" s="427"/>
    </row>
    <row r="48" spans="2:11" ht="15" customHeight="1">
      <c r="D48" s="426" t="s">
        <v>713</v>
      </c>
      <c r="E48" s="427"/>
      <c r="F48" s="428" t="s">
        <v>710</v>
      </c>
      <c r="G48" s="427" t="s">
        <v>714</v>
      </c>
      <c r="H48" s="427"/>
      <c r="I48" s="427"/>
      <c r="J48" s="427"/>
      <c r="K48" s="427"/>
    </row>
    <row r="49" spans="2:11" ht="15" customHeight="1">
      <c r="D49" s="426" t="s">
        <v>718</v>
      </c>
      <c r="E49" s="427"/>
      <c r="F49" s="428" t="s">
        <v>710</v>
      </c>
      <c r="G49" s="427" t="s">
        <v>719</v>
      </c>
      <c r="H49" s="427"/>
      <c r="I49" s="427"/>
      <c r="J49" s="427"/>
      <c r="K49" s="427"/>
    </row>
    <row r="50" spans="2:11" ht="15" customHeight="1">
      <c r="D50" s="426"/>
      <c r="E50" s="427"/>
      <c r="F50" s="428"/>
      <c r="G50" s="427"/>
      <c r="H50" s="427"/>
      <c r="I50" s="427"/>
      <c r="J50" s="427"/>
      <c r="K50" s="427"/>
    </row>
    <row r="51" spans="2:11" ht="15" customHeight="1">
      <c r="B51" s="384" t="s">
        <v>720</v>
      </c>
      <c r="C51" s="383" t="s">
        <v>721</v>
      </c>
    </row>
    <row r="52" spans="2:11" ht="15" customHeight="1">
      <c r="B52" s="383"/>
      <c r="C52" s="383" t="s">
        <v>722</v>
      </c>
    </row>
    <row r="53" spans="2:11" ht="15" customHeight="1">
      <c r="C53" s="383" t="s">
        <v>723</v>
      </c>
    </row>
    <row r="55" spans="2:11" ht="15" customHeight="1">
      <c r="B55" s="384" t="s">
        <v>724</v>
      </c>
      <c r="C55" s="383" t="s">
        <v>725</v>
      </c>
    </row>
    <row r="56" spans="2:11" ht="15" customHeight="1">
      <c r="C56" s="383" t="s">
        <v>726</v>
      </c>
    </row>
    <row r="60" spans="2:11" ht="15" hidden="1" customHeight="1">
      <c r="D60" s="429" t="s">
        <v>727</v>
      </c>
    </row>
    <row r="61" spans="2:11" ht="15" hidden="1" customHeight="1">
      <c r="D61" s="222" t="s">
        <v>728</v>
      </c>
    </row>
    <row r="62" spans="2:11" ht="15" hidden="1" customHeight="1">
      <c r="D62" s="222" t="s">
        <v>729</v>
      </c>
    </row>
  </sheetData>
  <sheetProtection algorithmName="SHA-512" hashValue="StA/ZNQrq4YGSR68hSFDB4SE8cO8qyydnhziepAq9BNXRkL5cesJMuii9FZN7WCo28B6Bnkpv7jRziomxMErOg==" saltValue="vY4aRrYCmnKacxVjk/0taQ==" spinCount="100000" sheet="1" objects="1" scenarios="1"/>
  <mergeCells count="8">
    <mergeCell ref="F20:L20"/>
    <mergeCell ref="D21:M24"/>
    <mergeCell ref="K1:M1"/>
    <mergeCell ref="B3:N4"/>
    <mergeCell ref="B5:M5"/>
    <mergeCell ref="B6:M6"/>
    <mergeCell ref="M11:M12"/>
    <mergeCell ref="M13:M15"/>
  </mergeCells>
  <phoneticPr fontId="7"/>
  <printOptions horizontalCentered="1"/>
  <pageMargins left="0.19685039370078741" right="0.19685039370078741" top="0.74803149606299213" bottom="0.74803149606299213" header="0.31496062992125984" footer="0.31496062992125984"/>
  <pageSetup paperSize="9" scale="80"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G120"/>
  <sheetViews>
    <sheetView showGridLines="0" view="pageBreakPreview" zoomScale="90" zoomScaleNormal="85" zoomScaleSheetLayoutView="90" workbookViewId="0"/>
  </sheetViews>
  <sheetFormatPr defaultColWidth="1.5703125" defaultRowHeight="12.75"/>
  <cols>
    <col min="1" max="1" width="5.7109375" style="41" customWidth="1"/>
    <col min="2" max="2" width="4.28515625" style="62" customWidth="1"/>
    <col min="3" max="3" width="41.5703125" style="41" customWidth="1"/>
    <col min="4" max="4" width="38.5703125" style="41" customWidth="1"/>
    <col min="5" max="5" width="44.28515625" style="41" customWidth="1"/>
    <col min="6" max="6" width="9.140625" style="41" customWidth="1"/>
    <col min="7" max="16384" width="1.5703125" style="41"/>
  </cols>
  <sheetData>
    <row r="1" spans="1:7">
      <c r="A1" s="51"/>
      <c r="B1" s="123"/>
      <c r="C1" s="118"/>
      <c r="D1" s="120"/>
      <c r="E1" s="120" t="s">
        <v>115</v>
      </c>
    </row>
    <row r="2" spans="1:7" s="126" customFormat="1" ht="15.75">
      <c r="A2" s="129" t="s">
        <v>638</v>
      </c>
      <c r="B2" s="239"/>
      <c r="C2" s="128"/>
      <c r="D2" s="128"/>
      <c r="E2" s="128"/>
    </row>
    <row r="3" spans="1:7" s="126" customFormat="1">
      <c r="A3" s="127"/>
      <c r="B3" s="239"/>
      <c r="C3" s="128"/>
      <c r="D3" s="128"/>
      <c r="E3" s="128"/>
    </row>
    <row r="4" spans="1:7" s="126" customFormat="1">
      <c r="A4" s="127" t="s">
        <v>218</v>
      </c>
      <c r="B4" s="239"/>
      <c r="C4" s="128"/>
      <c r="D4" s="128"/>
      <c r="E4" s="128"/>
    </row>
    <row r="5" spans="1:7" s="126" customFormat="1">
      <c r="A5" s="373"/>
      <c r="B5" s="935" t="s">
        <v>108</v>
      </c>
      <c r="C5" s="354" t="s">
        <v>367</v>
      </c>
      <c r="D5" s="354" t="s">
        <v>589</v>
      </c>
      <c r="E5" s="117"/>
    </row>
    <row r="6" spans="1:7" s="126" customFormat="1" ht="13.5" thickBot="1">
      <c r="A6" s="240"/>
      <c r="B6" s="936"/>
      <c r="C6" s="229" t="s">
        <v>117</v>
      </c>
      <c r="D6" s="374" t="s">
        <v>187</v>
      </c>
      <c r="E6" s="374" t="s">
        <v>460</v>
      </c>
    </row>
    <row r="7" spans="1:7" ht="13.5" thickTop="1">
      <c r="A7" s="119" t="s">
        <v>381</v>
      </c>
      <c r="B7" s="124"/>
      <c r="C7" s="230"/>
      <c r="D7" s="230"/>
      <c r="E7" s="231"/>
    </row>
    <row r="8" spans="1:7" s="126" customFormat="1">
      <c r="A8" s="213"/>
      <c r="B8" s="355">
        <v>1</v>
      </c>
      <c r="C8" s="133" t="s">
        <v>120</v>
      </c>
      <c r="D8" s="221" t="s">
        <v>188</v>
      </c>
      <c r="E8" s="134"/>
    </row>
    <row r="9" spans="1:7" s="126" customFormat="1">
      <c r="A9" s="213"/>
      <c r="B9" s="135">
        <v>2</v>
      </c>
      <c r="C9" s="136" t="s">
        <v>144</v>
      </c>
      <c r="D9" s="232" t="s">
        <v>188</v>
      </c>
      <c r="E9" s="233"/>
    </row>
    <row r="10" spans="1:7" s="126" customFormat="1">
      <c r="A10" s="213"/>
      <c r="B10" s="219">
        <v>3</v>
      </c>
      <c r="C10" s="141" t="s">
        <v>145</v>
      </c>
      <c r="D10" s="219" t="s">
        <v>188</v>
      </c>
      <c r="E10" s="142" t="s">
        <v>639</v>
      </c>
    </row>
    <row r="11" spans="1:7" s="126" customFormat="1">
      <c r="A11" s="220" t="s">
        <v>121</v>
      </c>
      <c r="B11" s="143"/>
      <c r="C11" s="144"/>
      <c r="D11" s="143"/>
      <c r="E11" s="356"/>
      <c r="F11" s="127"/>
      <c r="G11" s="127"/>
    </row>
    <row r="12" spans="1:7" s="126" customFormat="1">
      <c r="A12" s="213"/>
      <c r="B12" s="145">
        <v>1</v>
      </c>
      <c r="C12" s="134" t="s">
        <v>122</v>
      </c>
      <c r="D12" s="221" t="s">
        <v>188</v>
      </c>
      <c r="E12" s="134"/>
    </row>
    <row r="13" spans="1:7" s="126" customFormat="1">
      <c r="A13" s="213"/>
      <c r="B13" s="138">
        <v>2</v>
      </c>
      <c r="C13" s="137" t="s">
        <v>378</v>
      </c>
      <c r="D13" s="217" t="s">
        <v>188</v>
      </c>
      <c r="E13" s="137"/>
    </row>
    <row r="14" spans="1:7" s="126" customFormat="1">
      <c r="A14" s="213"/>
      <c r="B14" s="138">
        <v>3</v>
      </c>
      <c r="C14" s="137" t="s">
        <v>124</v>
      </c>
      <c r="D14" s="217" t="s">
        <v>188</v>
      </c>
      <c r="E14" s="137"/>
    </row>
    <row r="15" spans="1:7" s="126" customFormat="1" ht="38.25">
      <c r="A15" s="213"/>
      <c r="B15" s="140">
        <v>4</v>
      </c>
      <c r="C15" s="142" t="s">
        <v>279</v>
      </c>
      <c r="D15" s="219" t="s">
        <v>188</v>
      </c>
      <c r="E15" s="142"/>
    </row>
    <row r="16" spans="1:7" s="126" customFormat="1">
      <c r="A16" s="220" t="s">
        <v>147</v>
      </c>
      <c r="B16" s="143"/>
      <c r="C16" s="144"/>
      <c r="D16" s="143"/>
      <c r="E16" s="147"/>
    </row>
    <row r="17" spans="1:5" s="126" customFormat="1">
      <c r="A17" s="213"/>
      <c r="B17" s="145">
        <v>1</v>
      </c>
      <c r="C17" s="133" t="s">
        <v>148</v>
      </c>
      <c r="D17" s="221" t="s">
        <v>188</v>
      </c>
      <c r="E17" s="134"/>
    </row>
    <row r="18" spans="1:5" s="126" customFormat="1">
      <c r="A18" s="213"/>
      <c r="B18" s="138">
        <v>2</v>
      </c>
      <c r="C18" s="139" t="s">
        <v>126</v>
      </c>
      <c r="D18" s="217" t="s">
        <v>188</v>
      </c>
      <c r="E18" s="137"/>
    </row>
    <row r="19" spans="1:5" s="126" customFormat="1" ht="24.75">
      <c r="A19" s="213"/>
      <c r="B19" s="138">
        <v>3</v>
      </c>
      <c r="C19" s="139" t="s">
        <v>640</v>
      </c>
      <c r="D19" s="217" t="s">
        <v>188</v>
      </c>
      <c r="E19" s="137"/>
    </row>
    <row r="20" spans="1:5" s="126" customFormat="1">
      <c r="A20" s="213"/>
      <c r="B20" s="138">
        <v>4</v>
      </c>
      <c r="C20" s="139" t="s">
        <v>127</v>
      </c>
      <c r="D20" s="217" t="s">
        <v>188</v>
      </c>
      <c r="E20" s="137"/>
    </row>
    <row r="21" spans="1:5" s="126" customFormat="1">
      <c r="A21" s="213"/>
      <c r="B21" s="138">
        <v>5</v>
      </c>
      <c r="C21" s="139" t="s">
        <v>641</v>
      </c>
      <c r="D21" s="217" t="s">
        <v>188</v>
      </c>
      <c r="E21" s="137" t="s">
        <v>639</v>
      </c>
    </row>
    <row r="22" spans="1:5" s="126" customFormat="1">
      <c r="A22" s="213"/>
      <c r="B22" s="138">
        <v>6</v>
      </c>
      <c r="C22" s="139" t="s">
        <v>128</v>
      </c>
      <c r="D22" s="217" t="s">
        <v>188</v>
      </c>
      <c r="E22" s="137"/>
    </row>
    <row r="23" spans="1:5" s="126" customFormat="1">
      <c r="A23" s="213"/>
      <c r="B23" s="138">
        <v>7</v>
      </c>
      <c r="C23" s="139" t="s">
        <v>150</v>
      </c>
      <c r="D23" s="217" t="s">
        <v>188</v>
      </c>
      <c r="E23" s="137"/>
    </row>
    <row r="24" spans="1:5" s="126" customFormat="1" ht="24.75">
      <c r="A24" s="213"/>
      <c r="B24" s="138">
        <v>8</v>
      </c>
      <c r="C24" s="214" t="s">
        <v>151</v>
      </c>
      <c r="D24" s="215" t="s">
        <v>188</v>
      </c>
      <c r="E24" s="216"/>
    </row>
    <row r="25" spans="1:5" s="126" customFormat="1">
      <c r="A25" s="213"/>
      <c r="B25" s="138">
        <v>9</v>
      </c>
      <c r="C25" s="214" t="s">
        <v>152</v>
      </c>
      <c r="D25" s="215" t="s">
        <v>188</v>
      </c>
      <c r="E25" s="216"/>
    </row>
    <row r="26" spans="1:5" s="126" customFormat="1">
      <c r="A26" s="213"/>
      <c r="B26" s="138">
        <v>10</v>
      </c>
      <c r="C26" s="214" t="s">
        <v>129</v>
      </c>
      <c r="D26" s="215" t="s">
        <v>188</v>
      </c>
      <c r="E26" s="216"/>
    </row>
    <row r="27" spans="1:5" s="126" customFormat="1">
      <c r="A27" s="213"/>
      <c r="B27" s="138">
        <v>11</v>
      </c>
      <c r="C27" s="214" t="s">
        <v>130</v>
      </c>
      <c r="D27" s="215" t="s">
        <v>188</v>
      </c>
      <c r="E27" s="216"/>
    </row>
    <row r="28" spans="1:5" s="126" customFormat="1">
      <c r="A28" s="213"/>
      <c r="B28" s="138">
        <v>12</v>
      </c>
      <c r="C28" s="214" t="s">
        <v>131</v>
      </c>
      <c r="D28" s="215" t="s">
        <v>188</v>
      </c>
      <c r="E28" s="216"/>
    </row>
    <row r="29" spans="1:5" s="126" customFormat="1">
      <c r="A29" s="213"/>
      <c r="B29" s="138">
        <v>13</v>
      </c>
      <c r="C29" s="139" t="s">
        <v>132</v>
      </c>
      <c r="D29" s="217" t="s">
        <v>188</v>
      </c>
      <c r="E29" s="137"/>
    </row>
    <row r="30" spans="1:5" s="126" customFormat="1">
      <c r="A30" s="213"/>
      <c r="B30" s="286">
        <v>14</v>
      </c>
      <c r="C30" s="287" t="s">
        <v>154</v>
      </c>
      <c r="D30" s="217" t="s">
        <v>188</v>
      </c>
      <c r="E30" s="289"/>
    </row>
    <row r="31" spans="1:5" s="126" customFormat="1">
      <c r="A31" s="213"/>
      <c r="B31" s="286">
        <v>15</v>
      </c>
      <c r="C31" s="287" t="s">
        <v>379</v>
      </c>
      <c r="D31" s="217" t="s">
        <v>188</v>
      </c>
      <c r="E31" s="289"/>
    </row>
    <row r="32" spans="1:5" s="126" customFormat="1" ht="37.5">
      <c r="A32" s="213"/>
      <c r="B32" s="286">
        <v>16</v>
      </c>
      <c r="C32" s="287" t="s">
        <v>592</v>
      </c>
      <c r="D32" s="217" t="s">
        <v>188</v>
      </c>
      <c r="E32" s="289"/>
    </row>
    <row r="33" spans="1:5" s="126" customFormat="1" ht="25.5">
      <c r="A33" s="213"/>
      <c r="B33" s="286">
        <v>17</v>
      </c>
      <c r="C33" s="287" t="s">
        <v>410</v>
      </c>
      <c r="D33" s="217" t="s">
        <v>188</v>
      </c>
      <c r="E33" s="289"/>
    </row>
    <row r="34" spans="1:5" s="126" customFormat="1" ht="24.75">
      <c r="A34" s="213"/>
      <c r="B34" s="217">
        <v>18</v>
      </c>
      <c r="C34" s="139" t="s">
        <v>72</v>
      </c>
      <c r="D34" s="378" t="s">
        <v>673</v>
      </c>
      <c r="E34" s="137" t="s">
        <v>642</v>
      </c>
    </row>
    <row r="35" spans="1:5" s="126" customFormat="1" ht="28.5" customHeight="1">
      <c r="A35" s="213"/>
      <c r="B35" s="344">
        <v>19</v>
      </c>
      <c r="C35" s="345" t="s">
        <v>72</v>
      </c>
      <c r="D35" s="375" t="s">
        <v>643</v>
      </c>
      <c r="E35" s="937" t="s">
        <v>644</v>
      </c>
    </row>
    <row r="36" spans="1:5" s="126" customFormat="1" ht="28.5" customHeight="1">
      <c r="A36" s="213"/>
      <c r="B36" s="286">
        <v>20</v>
      </c>
      <c r="C36" s="287" t="s">
        <v>72</v>
      </c>
      <c r="D36" s="376" t="s">
        <v>645</v>
      </c>
      <c r="E36" s="937"/>
    </row>
    <row r="37" spans="1:5" s="126" customFormat="1" ht="28.5" customHeight="1">
      <c r="A37" s="218"/>
      <c r="B37" s="140">
        <v>21</v>
      </c>
      <c r="C37" s="141" t="s">
        <v>72</v>
      </c>
      <c r="D37" s="357" t="s">
        <v>646</v>
      </c>
      <c r="E37" s="938"/>
    </row>
    <row r="38" spans="1:5" s="126" customFormat="1">
      <c r="A38" s="220" t="s">
        <v>156</v>
      </c>
      <c r="B38" s="143"/>
      <c r="C38" s="144"/>
      <c r="D38" s="143"/>
      <c r="E38" s="147"/>
    </row>
    <row r="39" spans="1:5" s="126" customFormat="1">
      <c r="A39" s="213"/>
      <c r="B39" s="145">
        <v>1</v>
      </c>
      <c r="C39" s="133" t="s">
        <v>133</v>
      </c>
      <c r="D39" s="221" t="s">
        <v>188</v>
      </c>
      <c r="E39" s="134"/>
    </row>
    <row r="40" spans="1:5" s="126" customFormat="1">
      <c r="A40" s="213"/>
      <c r="B40" s="138">
        <v>2</v>
      </c>
      <c r="C40" s="139" t="s">
        <v>134</v>
      </c>
      <c r="D40" s="217" t="s">
        <v>188</v>
      </c>
      <c r="E40" s="137"/>
    </row>
    <row r="41" spans="1:5" s="126" customFormat="1">
      <c r="A41" s="213"/>
      <c r="B41" s="138">
        <v>3</v>
      </c>
      <c r="C41" s="139" t="s">
        <v>135</v>
      </c>
      <c r="D41" s="217" t="s">
        <v>188</v>
      </c>
      <c r="E41" s="137"/>
    </row>
    <row r="42" spans="1:5" s="126" customFormat="1" ht="24.75">
      <c r="A42" s="213"/>
      <c r="B42" s="138">
        <v>4</v>
      </c>
      <c r="C42" s="139" t="s">
        <v>168</v>
      </c>
      <c r="D42" s="217" t="s">
        <v>188</v>
      </c>
      <c r="E42" s="358"/>
    </row>
    <row r="43" spans="1:5" s="126" customFormat="1">
      <c r="A43" s="213"/>
      <c r="B43" s="138">
        <v>5</v>
      </c>
      <c r="C43" s="139" t="s">
        <v>136</v>
      </c>
      <c r="D43" s="217" t="s">
        <v>188</v>
      </c>
      <c r="E43" s="137"/>
    </row>
    <row r="44" spans="1:5" s="126" customFormat="1">
      <c r="A44" s="213"/>
      <c r="B44" s="138">
        <v>6</v>
      </c>
      <c r="C44" s="139" t="s">
        <v>157</v>
      </c>
      <c r="D44" s="217" t="s">
        <v>188</v>
      </c>
      <c r="E44" s="137"/>
    </row>
    <row r="45" spans="1:5" s="126" customFormat="1">
      <c r="A45" s="213"/>
      <c r="B45" s="138">
        <v>7</v>
      </c>
      <c r="C45" s="139" t="s">
        <v>159</v>
      </c>
      <c r="D45" s="217" t="s">
        <v>188</v>
      </c>
      <c r="E45" s="137"/>
    </row>
    <row r="46" spans="1:5" s="126" customFormat="1">
      <c r="A46" s="213"/>
      <c r="B46" s="138">
        <v>8</v>
      </c>
      <c r="C46" s="139" t="s">
        <v>137</v>
      </c>
      <c r="D46" s="217" t="s">
        <v>188</v>
      </c>
      <c r="E46" s="137"/>
    </row>
    <row r="47" spans="1:5" s="126" customFormat="1">
      <c r="A47" s="213"/>
      <c r="B47" s="138">
        <v>9</v>
      </c>
      <c r="C47" s="214" t="s">
        <v>138</v>
      </c>
      <c r="D47" s="215" t="s">
        <v>188</v>
      </c>
      <c r="E47" s="216"/>
    </row>
    <row r="48" spans="1:5" s="126" customFormat="1">
      <c r="A48" s="213"/>
      <c r="B48" s="138">
        <v>10</v>
      </c>
      <c r="C48" s="214" t="s">
        <v>219</v>
      </c>
      <c r="D48" s="215" t="s">
        <v>188</v>
      </c>
      <c r="E48" s="216"/>
    </row>
    <row r="49" spans="1:5" s="126" customFormat="1">
      <c r="A49" s="213"/>
      <c r="B49" s="138">
        <v>11</v>
      </c>
      <c r="C49" s="214" t="s">
        <v>139</v>
      </c>
      <c r="D49" s="215" t="s">
        <v>188</v>
      </c>
      <c r="E49" s="216"/>
    </row>
    <row r="50" spans="1:5" s="126" customFormat="1">
      <c r="A50" s="213"/>
      <c r="B50" s="138">
        <v>12</v>
      </c>
      <c r="C50" s="214" t="s">
        <v>183</v>
      </c>
      <c r="D50" s="215" t="s">
        <v>188</v>
      </c>
      <c r="E50" s="216"/>
    </row>
    <row r="51" spans="1:5" s="126" customFormat="1" ht="24">
      <c r="A51" s="213"/>
      <c r="B51" s="138">
        <v>13</v>
      </c>
      <c r="C51" s="214" t="s">
        <v>220</v>
      </c>
      <c r="D51" s="215" t="s">
        <v>188</v>
      </c>
      <c r="E51" s="216"/>
    </row>
    <row r="52" spans="1:5" s="126" customFormat="1">
      <c r="A52" s="213"/>
      <c r="B52" s="138">
        <v>14</v>
      </c>
      <c r="C52" s="214" t="s">
        <v>162</v>
      </c>
      <c r="D52" s="215" t="s">
        <v>188</v>
      </c>
      <c r="E52" s="216"/>
    </row>
    <row r="53" spans="1:5" s="126" customFormat="1" ht="24.75">
      <c r="A53" s="213"/>
      <c r="B53" s="138">
        <v>15</v>
      </c>
      <c r="C53" s="214" t="s">
        <v>221</v>
      </c>
      <c r="D53" s="215" t="s">
        <v>188</v>
      </c>
      <c r="E53" s="359"/>
    </row>
    <row r="54" spans="1:5" s="126" customFormat="1">
      <c r="A54" s="213"/>
      <c r="B54" s="138">
        <v>16</v>
      </c>
      <c r="C54" s="139" t="s">
        <v>140</v>
      </c>
      <c r="D54" s="217" t="s">
        <v>188</v>
      </c>
      <c r="E54" s="216"/>
    </row>
    <row r="55" spans="1:5" s="126" customFormat="1">
      <c r="A55" s="213"/>
      <c r="B55" s="138">
        <v>17</v>
      </c>
      <c r="C55" s="139" t="s">
        <v>683</v>
      </c>
      <c r="D55" s="217" t="s">
        <v>188</v>
      </c>
      <c r="E55" s="137" t="s">
        <v>684</v>
      </c>
    </row>
    <row r="56" spans="1:5" s="126" customFormat="1">
      <c r="A56" s="213"/>
      <c r="B56" s="138">
        <v>18</v>
      </c>
      <c r="C56" s="139" t="s">
        <v>423</v>
      </c>
      <c r="D56" s="217" t="s">
        <v>380</v>
      </c>
      <c r="E56" s="216"/>
    </row>
    <row r="57" spans="1:5" s="126" customFormat="1">
      <c r="A57" s="213"/>
      <c r="B57" s="138">
        <v>19</v>
      </c>
      <c r="C57" s="139" t="s">
        <v>382</v>
      </c>
      <c r="D57" s="217" t="s">
        <v>188</v>
      </c>
      <c r="E57" s="216"/>
    </row>
    <row r="58" spans="1:5" s="126" customFormat="1">
      <c r="A58" s="213"/>
      <c r="B58" s="138">
        <v>20</v>
      </c>
      <c r="C58" s="139" t="s">
        <v>383</v>
      </c>
      <c r="D58" s="217" t="s">
        <v>380</v>
      </c>
      <c r="E58" s="216"/>
    </row>
    <row r="59" spans="1:5" s="126" customFormat="1">
      <c r="A59" s="213"/>
      <c r="B59" s="138">
        <v>21</v>
      </c>
      <c r="C59" s="139" t="s">
        <v>184</v>
      </c>
      <c r="D59" s="217" t="s">
        <v>188</v>
      </c>
      <c r="E59" s="216"/>
    </row>
    <row r="60" spans="1:5" s="126" customFormat="1">
      <c r="A60" s="213"/>
      <c r="B60" s="286">
        <v>22</v>
      </c>
      <c r="C60" s="287" t="s">
        <v>222</v>
      </c>
      <c r="D60" s="217" t="s">
        <v>188</v>
      </c>
      <c r="E60" s="290"/>
    </row>
    <row r="61" spans="1:5" s="126" customFormat="1">
      <c r="A61" s="213"/>
      <c r="B61" s="286">
        <v>23</v>
      </c>
      <c r="C61" s="287" t="s">
        <v>349</v>
      </c>
      <c r="D61" s="217" t="s">
        <v>188</v>
      </c>
      <c r="E61" s="290"/>
    </row>
    <row r="62" spans="1:5" s="126" customFormat="1">
      <c r="A62" s="213"/>
      <c r="B62" s="286">
        <v>24</v>
      </c>
      <c r="C62" s="287" t="s">
        <v>350</v>
      </c>
      <c r="D62" s="217" t="s">
        <v>188</v>
      </c>
      <c r="E62" s="290"/>
    </row>
    <row r="63" spans="1:5" s="126" customFormat="1">
      <c r="A63" s="213"/>
      <c r="B63" s="286">
        <v>25</v>
      </c>
      <c r="C63" s="287" t="s">
        <v>351</v>
      </c>
      <c r="D63" s="217" t="s">
        <v>188</v>
      </c>
      <c r="E63" s="290"/>
    </row>
    <row r="64" spans="1:5" s="126" customFormat="1" ht="25.5">
      <c r="A64" s="213"/>
      <c r="B64" s="286">
        <v>26</v>
      </c>
      <c r="C64" s="287" t="s">
        <v>352</v>
      </c>
      <c r="D64" s="217" t="s">
        <v>188</v>
      </c>
      <c r="E64" s="290"/>
    </row>
    <row r="65" spans="1:5" s="126" customFormat="1">
      <c r="A65" s="213"/>
      <c r="B65" s="286">
        <v>27</v>
      </c>
      <c r="C65" s="287" t="s">
        <v>461</v>
      </c>
      <c r="D65" s="217" t="s">
        <v>380</v>
      </c>
      <c r="E65" s="290"/>
    </row>
    <row r="66" spans="1:5" s="126" customFormat="1" ht="25.5">
      <c r="A66" s="218"/>
      <c r="B66" s="140">
        <v>28</v>
      </c>
      <c r="C66" s="141" t="s">
        <v>0</v>
      </c>
      <c r="D66" s="142" t="s">
        <v>655</v>
      </c>
      <c r="E66" s="142" t="s">
        <v>658</v>
      </c>
    </row>
    <row r="67" spans="1:5" s="126" customFormat="1">
      <c r="A67" s="220" t="s">
        <v>142</v>
      </c>
      <c r="B67" s="143"/>
      <c r="C67" s="144"/>
      <c r="D67" s="143"/>
      <c r="E67" s="147"/>
    </row>
    <row r="68" spans="1:5" s="126" customFormat="1">
      <c r="A68" s="218"/>
      <c r="B68" s="146">
        <v>1</v>
      </c>
      <c r="C68" s="147" t="s">
        <v>164</v>
      </c>
      <c r="D68" s="360" t="s">
        <v>188</v>
      </c>
      <c r="E68" s="361"/>
    </row>
    <row r="69" spans="1:5" s="126" customFormat="1">
      <c r="A69" s="332" t="s">
        <v>462</v>
      </c>
      <c r="B69" s="333"/>
      <c r="C69" s="334"/>
      <c r="D69" s="333"/>
      <c r="E69" s="335"/>
    </row>
    <row r="70" spans="1:5" s="126" customFormat="1" ht="25.5">
      <c r="A70" s="220"/>
      <c r="B70" s="221" t="s">
        <v>0</v>
      </c>
      <c r="C70" s="365" t="s">
        <v>593</v>
      </c>
      <c r="D70" s="221" t="s">
        <v>647</v>
      </c>
      <c r="E70" s="382" t="s">
        <v>688</v>
      </c>
    </row>
    <row r="71" spans="1:5" s="126" customFormat="1" ht="24.75">
      <c r="A71" s="220"/>
      <c r="B71" s="217" t="s">
        <v>0</v>
      </c>
      <c r="C71" s="139" t="s">
        <v>594</v>
      </c>
      <c r="D71" s="217" t="s">
        <v>647</v>
      </c>
      <c r="E71" s="216" t="s">
        <v>648</v>
      </c>
    </row>
    <row r="72" spans="1:5" s="126" customFormat="1" ht="24.75">
      <c r="A72" s="220"/>
      <c r="B72" s="217" t="s">
        <v>667</v>
      </c>
      <c r="C72" s="139" t="s">
        <v>595</v>
      </c>
      <c r="D72" s="217" t="s">
        <v>669</v>
      </c>
      <c r="E72" s="137" t="s">
        <v>670</v>
      </c>
    </row>
    <row r="73" spans="1:5" s="126" customFormat="1" ht="25.5">
      <c r="A73" s="220"/>
      <c r="B73" s="217">
        <v>1</v>
      </c>
      <c r="C73" s="139" t="s">
        <v>409</v>
      </c>
      <c r="D73" s="217" t="s">
        <v>188</v>
      </c>
      <c r="E73" s="216"/>
    </row>
    <row r="74" spans="1:5" s="126" customFormat="1">
      <c r="A74" s="220"/>
      <c r="B74" s="217">
        <v>2</v>
      </c>
      <c r="C74" s="139" t="s">
        <v>412</v>
      </c>
      <c r="D74" s="217" t="s">
        <v>188</v>
      </c>
      <c r="E74" s="216"/>
    </row>
    <row r="75" spans="1:5" s="126" customFormat="1" ht="24.75">
      <c r="A75" s="220"/>
      <c r="B75" s="217">
        <v>3</v>
      </c>
      <c r="C75" s="139" t="s">
        <v>414</v>
      </c>
      <c r="D75" s="217" t="s">
        <v>188</v>
      </c>
      <c r="E75" s="216"/>
    </row>
    <row r="76" spans="1:5" s="126" customFormat="1" ht="38.25">
      <c r="A76" s="220"/>
      <c r="B76" s="217">
        <v>4</v>
      </c>
      <c r="C76" s="139" t="s">
        <v>72</v>
      </c>
      <c r="D76" s="137" t="s">
        <v>674</v>
      </c>
      <c r="E76" s="137" t="s">
        <v>649</v>
      </c>
    </row>
    <row r="77" spans="1:5" s="126" customFormat="1" ht="57">
      <c r="A77" s="220"/>
      <c r="B77" s="217">
        <v>5</v>
      </c>
      <c r="C77" s="139" t="s">
        <v>667</v>
      </c>
      <c r="D77" s="366" t="s">
        <v>671</v>
      </c>
      <c r="E77" s="137" t="s">
        <v>670</v>
      </c>
    </row>
    <row r="78" spans="1:5" s="126" customFormat="1" ht="42.75">
      <c r="A78" s="220"/>
      <c r="B78" s="217">
        <v>6</v>
      </c>
      <c r="C78" s="139" t="s">
        <v>667</v>
      </c>
      <c r="D78" s="366" t="s">
        <v>675</v>
      </c>
      <c r="E78" s="137" t="s">
        <v>670</v>
      </c>
    </row>
    <row r="79" spans="1:5" s="126" customFormat="1" ht="25.5">
      <c r="A79" s="220"/>
      <c r="B79" s="217">
        <v>7</v>
      </c>
      <c r="C79" s="139" t="s">
        <v>415</v>
      </c>
      <c r="D79" s="217" t="s">
        <v>188</v>
      </c>
      <c r="E79" s="216"/>
    </row>
    <row r="80" spans="1:5" s="126" customFormat="1" ht="28.5">
      <c r="A80" s="367"/>
      <c r="B80" s="219">
        <v>8</v>
      </c>
      <c r="C80" s="141" t="s">
        <v>72</v>
      </c>
      <c r="D80" s="362" t="s">
        <v>650</v>
      </c>
      <c r="E80" s="142" t="s">
        <v>649</v>
      </c>
    </row>
    <row r="81" spans="1:5" s="126" customFormat="1">
      <c r="A81" s="579" t="s">
        <v>860</v>
      </c>
      <c r="B81" s="580"/>
      <c r="C81" s="581"/>
      <c r="D81" s="581"/>
      <c r="E81" s="414"/>
    </row>
    <row r="82" spans="1:5">
      <c r="A82" s="380"/>
      <c r="B82" s="935" t="s">
        <v>108</v>
      </c>
      <c r="C82" s="354" t="s">
        <v>367</v>
      </c>
      <c r="D82" s="354" t="s">
        <v>589</v>
      </c>
      <c r="E82" s="117"/>
    </row>
    <row r="83" spans="1:5" ht="13.5" thickBot="1">
      <c r="A83" s="240"/>
      <c r="B83" s="936"/>
      <c r="C83" s="229" t="s">
        <v>117</v>
      </c>
      <c r="D83" s="381" t="s">
        <v>187</v>
      </c>
      <c r="E83" s="381" t="s">
        <v>460</v>
      </c>
    </row>
    <row r="84" spans="1:5" ht="13.5" thickTop="1">
      <c r="A84" s="582" t="s">
        <v>861</v>
      </c>
      <c r="B84" s="583"/>
      <c r="C84" s="575"/>
      <c r="D84" s="939" t="s">
        <v>862</v>
      </c>
      <c r="E84" s="940"/>
    </row>
    <row r="85" spans="1:5">
      <c r="A85" s="584"/>
      <c r="B85" s="585"/>
      <c r="C85" s="586"/>
      <c r="D85" s="941"/>
      <c r="E85" s="942"/>
    </row>
    <row r="86" spans="1:5">
      <c r="A86" s="332" t="s">
        <v>863</v>
      </c>
      <c r="B86" s="587"/>
      <c r="C86" s="126"/>
      <c r="D86" s="332"/>
      <c r="E86" s="588"/>
    </row>
    <row r="87" spans="1:5">
      <c r="A87" s="220"/>
      <c r="B87" s="589">
        <v>1</v>
      </c>
      <c r="C87" s="590" t="s">
        <v>864</v>
      </c>
      <c r="D87" s="591" t="s">
        <v>865</v>
      </c>
      <c r="E87" s="592"/>
    </row>
    <row r="88" spans="1:5">
      <c r="A88" s="220"/>
      <c r="B88" s="593"/>
      <c r="C88" s="594" t="s">
        <v>866</v>
      </c>
      <c r="D88" s="595" t="s">
        <v>865</v>
      </c>
      <c r="E88" s="596"/>
    </row>
    <row r="89" spans="1:5">
      <c r="A89" s="220"/>
      <c r="B89" s="597">
        <v>2</v>
      </c>
      <c r="C89" s="598" t="s">
        <v>867</v>
      </c>
      <c r="D89" s="599" t="s">
        <v>865</v>
      </c>
      <c r="E89" s="600"/>
    </row>
    <row r="90" spans="1:5">
      <c r="A90" s="220"/>
      <c r="B90" s="597">
        <v>3</v>
      </c>
      <c r="C90" s="598" t="s">
        <v>868</v>
      </c>
      <c r="D90" s="599" t="s">
        <v>865</v>
      </c>
      <c r="E90" s="600"/>
    </row>
    <row r="91" spans="1:5">
      <c r="A91" s="220"/>
      <c r="B91" s="597">
        <v>4</v>
      </c>
      <c r="C91" s="598" t="s">
        <v>869</v>
      </c>
      <c r="D91" s="599" t="s">
        <v>865</v>
      </c>
      <c r="E91" s="600"/>
    </row>
    <row r="92" spans="1:5">
      <c r="A92" s="220"/>
      <c r="B92" s="601" t="s">
        <v>0</v>
      </c>
      <c r="C92" s="602" t="s">
        <v>870</v>
      </c>
      <c r="D92" s="603" t="s">
        <v>871</v>
      </c>
      <c r="E92" s="604" t="s">
        <v>872</v>
      </c>
    </row>
    <row r="93" spans="1:5" ht="24" customHeight="1">
      <c r="A93" s="220"/>
      <c r="B93" s="601">
        <v>5</v>
      </c>
      <c r="C93" s="602" t="s">
        <v>987</v>
      </c>
      <c r="D93" s="605" t="s">
        <v>865</v>
      </c>
      <c r="E93" s="604" t="s">
        <v>873</v>
      </c>
    </row>
    <row r="94" spans="1:5" ht="13.5">
      <c r="A94" s="220"/>
      <c r="B94" s="601">
        <v>6</v>
      </c>
      <c r="C94" s="602" t="s">
        <v>874</v>
      </c>
      <c r="D94" s="606" t="s">
        <v>865</v>
      </c>
      <c r="E94" s="604" t="s">
        <v>873</v>
      </c>
    </row>
    <row r="95" spans="1:5">
      <c r="A95" s="220"/>
      <c r="B95" s="601">
        <v>7</v>
      </c>
      <c r="C95" s="602" t="s">
        <v>875</v>
      </c>
      <c r="D95" s="607" t="s">
        <v>865</v>
      </c>
      <c r="E95" s="604" t="s">
        <v>873</v>
      </c>
    </row>
    <row r="96" spans="1:5">
      <c r="A96" s="220"/>
      <c r="B96" s="601">
        <v>8</v>
      </c>
      <c r="C96" s="602" t="s">
        <v>876</v>
      </c>
      <c r="D96" s="603" t="s">
        <v>865</v>
      </c>
      <c r="E96" s="604" t="s">
        <v>873</v>
      </c>
    </row>
    <row r="97" spans="1:5">
      <c r="A97" s="220"/>
      <c r="B97" s="601" t="s">
        <v>0</v>
      </c>
      <c r="C97" s="602" t="s">
        <v>877</v>
      </c>
      <c r="D97" s="603" t="s">
        <v>878</v>
      </c>
      <c r="E97" s="604" t="s">
        <v>879</v>
      </c>
    </row>
    <row r="98" spans="1:5" ht="24">
      <c r="A98" s="220"/>
      <c r="B98" s="601">
        <v>9</v>
      </c>
      <c r="C98" s="602" t="s">
        <v>880</v>
      </c>
      <c r="D98" s="603" t="s">
        <v>865</v>
      </c>
      <c r="E98" s="604" t="s">
        <v>873</v>
      </c>
    </row>
    <row r="99" spans="1:5">
      <c r="A99" s="220"/>
      <c r="B99" s="608">
        <v>10</v>
      </c>
      <c r="C99" s="609" t="s">
        <v>881</v>
      </c>
      <c r="D99" s="610" t="s">
        <v>865</v>
      </c>
      <c r="E99" s="604" t="s">
        <v>882</v>
      </c>
    </row>
    <row r="100" spans="1:5">
      <c r="A100" s="332" t="s">
        <v>883</v>
      </c>
      <c r="B100" s="611"/>
      <c r="C100" s="612"/>
      <c r="D100" s="613"/>
      <c r="E100" s="612"/>
    </row>
    <row r="101" spans="1:5">
      <c r="A101" s="220"/>
      <c r="B101" s="614">
        <v>1</v>
      </c>
      <c r="C101" s="615" t="s">
        <v>884</v>
      </c>
      <c r="D101" s="616" t="s">
        <v>885</v>
      </c>
      <c r="E101" s="617"/>
    </row>
    <row r="102" spans="1:5">
      <c r="A102" s="220"/>
      <c r="B102" s="601">
        <v>2</v>
      </c>
      <c r="C102" s="618" t="s">
        <v>886</v>
      </c>
      <c r="D102" s="619" t="s">
        <v>865</v>
      </c>
      <c r="E102" s="604"/>
    </row>
    <row r="103" spans="1:5" ht="13.5">
      <c r="A103" s="220"/>
      <c r="B103" s="601">
        <v>3</v>
      </c>
      <c r="C103" s="618" t="s">
        <v>887</v>
      </c>
      <c r="D103" s="606" t="s">
        <v>865</v>
      </c>
      <c r="E103" s="604"/>
    </row>
    <row r="104" spans="1:5">
      <c r="A104" s="220"/>
      <c r="B104" s="601">
        <v>4</v>
      </c>
      <c r="C104" s="618" t="s">
        <v>888</v>
      </c>
      <c r="D104" s="619" t="s">
        <v>865</v>
      </c>
      <c r="E104" s="620"/>
    </row>
    <row r="105" spans="1:5">
      <c r="A105" s="220"/>
      <c r="B105" s="601">
        <v>5</v>
      </c>
      <c r="C105" s="618" t="s">
        <v>889</v>
      </c>
      <c r="D105" s="619" t="s">
        <v>865</v>
      </c>
      <c r="E105" s="604"/>
    </row>
    <row r="106" spans="1:5">
      <c r="A106" s="220"/>
      <c r="B106" s="601">
        <v>6</v>
      </c>
      <c r="C106" s="602" t="s">
        <v>890</v>
      </c>
      <c r="D106" s="619" t="s">
        <v>865</v>
      </c>
      <c r="E106" s="604"/>
    </row>
    <row r="107" spans="1:5" ht="13.5">
      <c r="A107" s="220"/>
      <c r="B107" s="601">
        <v>7</v>
      </c>
      <c r="C107" s="602" t="s">
        <v>891</v>
      </c>
      <c r="D107" s="619" t="s">
        <v>865</v>
      </c>
      <c r="E107" s="604"/>
    </row>
    <row r="108" spans="1:5">
      <c r="A108" s="367"/>
      <c r="B108" s="621">
        <v>8</v>
      </c>
      <c r="C108" s="622"/>
      <c r="D108" s="610" t="s">
        <v>892</v>
      </c>
      <c r="E108" s="623" t="s">
        <v>879</v>
      </c>
    </row>
    <row r="109" spans="1:5">
      <c r="A109" s="624" t="s">
        <v>893</v>
      </c>
      <c r="B109" s="625"/>
      <c r="C109" s="148"/>
      <c r="D109" s="626" t="s">
        <v>188</v>
      </c>
      <c r="E109" s="627"/>
    </row>
    <row r="110" spans="1:5">
      <c r="A110" s="332" t="s">
        <v>894</v>
      </c>
      <c r="B110" s="580"/>
      <c r="C110" s="581"/>
      <c r="D110" s="575"/>
      <c r="E110" s="588"/>
    </row>
    <row r="111" spans="1:5" ht="24">
      <c r="A111" s="220"/>
      <c r="B111" s="589">
        <v>1</v>
      </c>
      <c r="C111" s="628" t="s">
        <v>895</v>
      </c>
      <c r="D111" s="629" t="s">
        <v>885</v>
      </c>
      <c r="E111" s="592"/>
    </row>
    <row r="112" spans="1:5">
      <c r="A112" s="220"/>
      <c r="B112" s="597">
        <v>2</v>
      </c>
      <c r="C112" s="630" t="s">
        <v>896</v>
      </c>
      <c r="D112" s="595" t="s">
        <v>865</v>
      </c>
      <c r="E112" s="600"/>
    </row>
    <row r="113" spans="1:5">
      <c r="A113" s="220"/>
      <c r="B113" s="597">
        <v>3</v>
      </c>
      <c r="C113" s="630" t="s">
        <v>897</v>
      </c>
      <c r="D113" s="595" t="s">
        <v>865</v>
      </c>
      <c r="E113" s="600"/>
    </row>
    <row r="114" spans="1:5">
      <c r="A114" s="220"/>
      <c r="B114" s="597">
        <v>4</v>
      </c>
      <c r="C114" s="630" t="s">
        <v>898</v>
      </c>
      <c r="D114" s="595" t="s">
        <v>865</v>
      </c>
      <c r="E114" s="600"/>
    </row>
    <row r="115" spans="1:5">
      <c r="A115" s="220"/>
      <c r="B115" s="597">
        <v>5</v>
      </c>
      <c r="C115" s="630" t="s">
        <v>899</v>
      </c>
      <c r="D115" s="595" t="s">
        <v>865</v>
      </c>
      <c r="E115" s="600"/>
    </row>
    <row r="116" spans="1:5">
      <c r="A116" s="220"/>
      <c r="B116" s="597">
        <v>6</v>
      </c>
      <c r="C116" s="630" t="s">
        <v>900</v>
      </c>
      <c r="D116" s="595" t="s">
        <v>865</v>
      </c>
      <c r="E116" s="600"/>
    </row>
    <row r="117" spans="1:5">
      <c r="A117" s="220"/>
      <c r="B117" s="597">
        <v>7</v>
      </c>
      <c r="C117" s="630" t="s">
        <v>901</v>
      </c>
      <c r="D117" s="595" t="s">
        <v>865</v>
      </c>
      <c r="E117" s="600"/>
    </row>
    <row r="118" spans="1:5">
      <c r="A118" s="220"/>
      <c r="B118" s="597">
        <v>8</v>
      </c>
      <c r="C118" s="630" t="s">
        <v>902</v>
      </c>
      <c r="D118" s="595" t="s">
        <v>865</v>
      </c>
      <c r="E118" s="631"/>
    </row>
    <row r="119" spans="1:5">
      <c r="A119" s="220"/>
      <c r="B119" s="597">
        <v>9</v>
      </c>
      <c r="C119" s="630" t="s">
        <v>903</v>
      </c>
      <c r="D119" s="595" t="s">
        <v>885</v>
      </c>
      <c r="E119" s="631"/>
    </row>
    <row r="120" spans="1:5">
      <c r="A120" s="367"/>
      <c r="B120" s="632">
        <v>10</v>
      </c>
      <c r="C120" s="633" t="s">
        <v>904</v>
      </c>
      <c r="D120" s="634" t="s">
        <v>885</v>
      </c>
      <c r="E120" s="635"/>
    </row>
  </sheetData>
  <sheetProtection algorithmName="SHA-512" hashValue="0rexpdA2GW1ILoawU+daUiuG3EOf1feZ7A9MTuQyu0RcxJt8JC6ynrFJWx7u9VZivkGidAwU6r0E2q6D+exJNw==" saltValue="Ie5mN0MFDHalIQgKIo8rfg==" spinCount="100000" sheet="1" objects="1" scenarios="1"/>
  <mergeCells count="4">
    <mergeCell ref="B5:B6"/>
    <mergeCell ref="E35:E37"/>
    <mergeCell ref="B82:B83"/>
    <mergeCell ref="D84:E85"/>
  </mergeCells>
  <phoneticPr fontId="7"/>
  <printOptions horizontalCentered="1"/>
  <pageMargins left="0.78740157480314965" right="0.78740157480314965" top="0.98425196850393704" bottom="0.78740157480314965" header="0.31496062992125984" footer="0.31496062992125984"/>
  <pageSetup paperSize="9" scale="3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D109"/>
  <sheetViews>
    <sheetView showGridLines="0" view="pageBreakPreview" zoomScale="90" zoomScaleNormal="85" zoomScaleSheetLayoutView="90" workbookViewId="0"/>
  </sheetViews>
  <sheetFormatPr defaultColWidth="1.5703125" defaultRowHeight="12.75"/>
  <cols>
    <col min="1" max="2" width="4.140625" style="126" customWidth="1"/>
    <col min="3" max="3" width="59" style="126" customWidth="1"/>
    <col min="4" max="4" width="56.42578125" style="126" customWidth="1"/>
    <col min="5" max="5" width="8.140625" style="126" customWidth="1"/>
    <col min="6" max="16384" width="1.5703125" style="126"/>
  </cols>
  <sheetData>
    <row r="1" spans="1:4">
      <c r="A1" s="127"/>
      <c r="B1" s="127"/>
      <c r="C1" s="128"/>
      <c r="D1" s="120" t="s">
        <v>115</v>
      </c>
    </row>
    <row r="2" spans="1:4" ht="15.75">
      <c r="A2" s="72" t="s">
        <v>116</v>
      </c>
      <c r="B2" s="129"/>
      <c r="C2" s="128"/>
      <c r="D2" s="127"/>
    </row>
    <row r="3" spans="1:4">
      <c r="A3" s="127"/>
      <c r="B3" s="127"/>
      <c r="C3" s="128"/>
      <c r="D3" s="127"/>
    </row>
    <row r="4" spans="1:4" ht="13.5" thickBot="1">
      <c r="A4" s="130"/>
      <c r="B4" s="131" t="s">
        <v>165</v>
      </c>
      <c r="C4" s="132" t="s">
        <v>117</v>
      </c>
      <c r="D4" s="131" t="s">
        <v>118</v>
      </c>
    </row>
    <row r="5" spans="1:4" s="148" customFormat="1" ht="13.5" thickTop="1">
      <c r="A5" s="149" t="s">
        <v>119</v>
      </c>
      <c r="B5" s="150"/>
      <c r="C5" s="151"/>
      <c r="D5" s="152"/>
    </row>
    <row r="6" spans="1:4" s="148" customFormat="1">
      <c r="A6" s="153"/>
      <c r="B6" s="155">
        <v>1</v>
      </c>
      <c r="C6" s="133" t="s">
        <v>120</v>
      </c>
      <c r="D6" s="134" t="s">
        <v>111</v>
      </c>
    </row>
    <row r="7" spans="1:4" s="148" customFormat="1">
      <c r="A7" s="153"/>
      <c r="B7" s="135">
        <v>2</v>
      </c>
      <c r="C7" s="136" t="s">
        <v>144</v>
      </c>
      <c r="D7" s="137" t="s">
        <v>111</v>
      </c>
    </row>
    <row r="8" spans="1:4" s="148" customFormat="1" ht="25.5">
      <c r="A8" s="153"/>
      <c r="B8" s="138">
        <v>3</v>
      </c>
      <c r="C8" s="139" t="s">
        <v>145</v>
      </c>
      <c r="D8" s="137" t="s">
        <v>359</v>
      </c>
    </row>
    <row r="9" spans="1:4" s="148" customFormat="1">
      <c r="A9" s="149" t="s">
        <v>121</v>
      </c>
      <c r="B9" s="143"/>
      <c r="C9" s="144"/>
      <c r="D9" s="147"/>
    </row>
    <row r="10" spans="1:4" s="148" customFormat="1">
      <c r="A10" s="153"/>
      <c r="B10" s="145">
        <v>1</v>
      </c>
      <c r="C10" s="133" t="s">
        <v>122</v>
      </c>
      <c r="D10" s="134" t="s">
        <v>146</v>
      </c>
    </row>
    <row r="11" spans="1:4" s="148" customFormat="1" ht="25.5">
      <c r="A11" s="153"/>
      <c r="B11" s="138">
        <v>2</v>
      </c>
      <c r="C11" s="139" t="s">
        <v>123</v>
      </c>
      <c r="D11" s="137" t="s">
        <v>112</v>
      </c>
    </row>
    <row r="12" spans="1:4" s="148" customFormat="1">
      <c r="A12" s="153"/>
      <c r="B12" s="138">
        <v>3</v>
      </c>
      <c r="C12" s="139" t="s">
        <v>124</v>
      </c>
      <c r="D12" s="139" t="s">
        <v>111</v>
      </c>
    </row>
    <row r="13" spans="1:4" s="148" customFormat="1" ht="25.5">
      <c r="A13" s="154"/>
      <c r="B13" s="140">
        <v>4</v>
      </c>
      <c r="C13" s="141" t="s">
        <v>418</v>
      </c>
      <c r="D13" s="141" t="s">
        <v>216</v>
      </c>
    </row>
    <row r="14" spans="1:4" s="148" customFormat="1">
      <c r="A14" s="149" t="s">
        <v>147</v>
      </c>
      <c r="B14" s="143"/>
      <c r="C14" s="144"/>
      <c r="D14" s="147"/>
    </row>
    <row r="15" spans="1:4" s="148" customFormat="1">
      <c r="A15" s="153"/>
      <c r="B15" s="145">
        <v>1</v>
      </c>
      <c r="C15" s="133" t="s">
        <v>148</v>
      </c>
      <c r="D15" s="133" t="s">
        <v>125</v>
      </c>
    </row>
    <row r="16" spans="1:4" s="148" customFormat="1">
      <c r="A16" s="153"/>
      <c r="B16" s="138">
        <v>2</v>
      </c>
      <c r="C16" s="139" t="s">
        <v>126</v>
      </c>
      <c r="D16" s="139" t="s">
        <v>419</v>
      </c>
    </row>
    <row r="17" spans="1:4" s="148" customFormat="1">
      <c r="A17" s="153"/>
      <c r="B17" s="138">
        <v>3</v>
      </c>
      <c r="C17" s="139" t="s">
        <v>455</v>
      </c>
      <c r="D17" s="139" t="s">
        <v>167</v>
      </c>
    </row>
    <row r="18" spans="1:4" s="148" customFormat="1">
      <c r="A18" s="153"/>
      <c r="B18" s="138">
        <v>4</v>
      </c>
      <c r="C18" s="139" t="s">
        <v>127</v>
      </c>
      <c r="D18" s="139" t="s">
        <v>167</v>
      </c>
    </row>
    <row r="19" spans="1:4" s="148" customFormat="1">
      <c r="A19" s="153"/>
      <c r="B19" s="138">
        <v>5</v>
      </c>
      <c r="C19" s="139" t="s">
        <v>641</v>
      </c>
      <c r="D19" s="139" t="s">
        <v>652</v>
      </c>
    </row>
    <row r="20" spans="1:4" s="148" customFormat="1">
      <c r="A20" s="153"/>
      <c r="B20" s="138">
        <v>6</v>
      </c>
      <c r="C20" s="139" t="s">
        <v>128</v>
      </c>
      <c r="D20" s="139" t="s">
        <v>149</v>
      </c>
    </row>
    <row r="21" spans="1:4" s="148" customFormat="1">
      <c r="A21" s="153"/>
      <c r="B21" s="138">
        <v>7</v>
      </c>
      <c r="C21" s="139" t="s">
        <v>150</v>
      </c>
      <c r="D21" s="139" t="s">
        <v>113</v>
      </c>
    </row>
    <row r="22" spans="1:4" s="148" customFormat="1">
      <c r="A22" s="153"/>
      <c r="B22" s="138">
        <v>8</v>
      </c>
      <c r="C22" s="139" t="s">
        <v>151</v>
      </c>
      <c r="D22" s="139" t="s">
        <v>125</v>
      </c>
    </row>
    <row r="23" spans="1:4" s="148" customFormat="1">
      <c r="A23" s="153"/>
      <c r="B23" s="138">
        <v>9</v>
      </c>
      <c r="C23" s="139" t="s">
        <v>152</v>
      </c>
      <c r="D23" s="139" t="s">
        <v>182</v>
      </c>
    </row>
    <row r="24" spans="1:4" s="148" customFormat="1">
      <c r="A24" s="153"/>
      <c r="B24" s="138">
        <v>10</v>
      </c>
      <c r="C24" s="139" t="s">
        <v>129</v>
      </c>
      <c r="D24" s="139" t="s">
        <v>153</v>
      </c>
    </row>
    <row r="25" spans="1:4" s="148" customFormat="1">
      <c r="A25" s="153"/>
      <c r="B25" s="138">
        <v>11</v>
      </c>
      <c r="C25" s="139" t="s">
        <v>130</v>
      </c>
      <c r="D25" s="139" t="s">
        <v>113</v>
      </c>
    </row>
    <row r="26" spans="1:4" s="148" customFormat="1">
      <c r="A26" s="153"/>
      <c r="B26" s="138">
        <v>12</v>
      </c>
      <c r="C26" s="139" t="s">
        <v>131</v>
      </c>
      <c r="D26" s="647" t="s">
        <v>989</v>
      </c>
    </row>
    <row r="27" spans="1:4" s="148" customFormat="1">
      <c r="A27" s="153"/>
      <c r="B27" s="138">
        <v>13</v>
      </c>
      <c r="C27" s="139" t="s">
        <v>132</v>
      </c>
      <c r="D27" s="647" t="s">
        <v>989</v>
      </c>
    </row>
    <row r="28" spans="1:4" s="148" customFormat="1">
      <c r="A28" s="153"/>
      <c r="B28" s="286">
        <v>14</v>
      </c>
      <c r="C28" s="287" t="s">
        <v>154</v>
      </c>
      <c r="D28" s="287" t="s">
        <v>155</v>
      </c>
    </row>
    <row r="29" spans="1:4" s="148" customFormat="1">
      <c r="A29" s="153"/>
      <c r="B29" s="286">
        <v>15</v>
      </c>
      <c r="C29" s="287" t="s">
        <v>379</v>
      </c>
      <c r="D29" s="287" t="s">
        <v>354</v>
      </c>
    </row>
    <row r="30" spans="1:4" s="148" customFormat="1" ht="25.5">
      <c r="A30" s="153"/>
      <c r="B30" s="288">
        <v>16</v>
      </c>
      <c r="C30" s="287" t="s">
        <v>408</v>
      </c>
      <c r="D30" s="287" t="s">
        <v>113</v>
      </c>
    </row>
    <row r="31" spans="1:4" s="148" customFormat="1" ht="24.75">
      <c r="A31" s="153"/>
      <c r="B31" s="138">
        <v>17</v>
      </c>
      <c r="C31" s="139" t="s">
        <v>410</v>
      </c>
      <c r="D31" s="139" t="s">
        <v>420</v>
      </c>
    </row>
    <row r="32" spans="1:4" s="148" customFormat="1">
      <c r="A32" s="153"/>
      <c r="B32" s="138">
        <v>18</v>
      </c>
      <c r="C32" s="139" t="s">
        <v>594</v>
      </c>
      <c r="D32" s="139" t="s">
        <v>651</v>
      </c>
    </row>
    <row r="33" spans="1:4" s="148" customFormat="1" ht="24.75">
      <c r="A33" s="153"/>
      <c r="B33" s="138">
        <v>19</v>
      </c>
      <c r="C33" s="139" t="s">
        <v>643</v>
      </c>
      <c r="D33" s="139" t="s">
        <v>653</v>
      </c>
    </row>
    <row r="34" spans="1:4" s="148" customFormat="1" ht="24.75">
      <c r="A34" s="153"/>
      <c r="B34" s="286">
        <v>20</v>
      </c>
      <c r="C34" s="287" t="s">
        <v>645</v>
      </c>
      <c r="D34" s="287" t="s">
        <v>653</v>
      </c>
    </row>
    <row r="35" spans="1:4" s="148" customFormat="1" ht="24.75">
      <c r="A35" s="154"/>
      <c r="B35" s="140">
        <v>21</v>
      </c>
      <c r="C35" s="141" t="s">
        <v>646</v>
      </c>
      <c r="D35" s="141" t="s">
        <v>653</v>
      </c>
    </row>
    <row r="36" spans="1:4" s="148" customFormat="1">
      <c r="A36" s="149" t="s">
        <v>156</v>
      </c>
      <c r="B36" s="143"/>
      <c r="C36" s="144"/>
      <c r="D36" s="147"/>
    </row>
    <row r="37" spans="1:4" s="148" customFormat="1">
      <c r="A37" s="153"/>
      <c r="B37" s="145">
        <v>1</v>
      </c>
      <c r="C37" s="133" t="s">
        <v>133</v>
      </c>
      <c r="D37" s="133" t="s">
        <v>0</v>
      </c>
    </row>
    <row r="38" spans="1:4" s="148" customFormat="1">
      <c r="A38" s="153"/>
      <c r="B38" s="138">
        <v>2</v>
      </c>
      <c r="C38" s="139" t="s">
        <v>134</v>
      </c>
      <c r="D38" s="139" t="s">
        <v>113</v>
      </c>
    </row>
    <row r="39" spans="1:4" s="148" customFormat="1">
      <c r="A39" s="153"/>
      <c r="B39" s="138">
        <v>3</v>
      </c>
      <c r="C39" s="139" t="s">
        <v>135</v>
      </c>
      <c r="D39" s="139" t="s">
        <v>0</v>
      </c>
    </row>
    <row r="40" spans="1:4" s="148" customFormat="1">
      <c r="A40" s="153"/>
      <c r="B40" s="138">
        <v>4</v>
      </c>
      <c r="C40" s="139" t="s">
        <v>168</v>
      </c>
      <c r="D40" s="139" t="s">
        <v>384</v>
      </c>
    </row>
    <row r="41" spans="1:4" s="148" customFormat="1" ht="24">
      <c r="A41" s="153"/>
      <c r="B41" s="138">
        <v>5</v>
      </c>
      <c r="C41" s="139" t="s">
        <v>136</v>
      </c>
      <c r="D41" s="156" t="s">
        <v>458</v>
      </c>
    </row>
    <row r="42" spans="1:4" s="148" customFormat="1">
      <c r="A42" s="153"/>
      <c r="B42" s="138">
        <v>6</v>
      </c>
      <c r="C42" s="139" t="s">
        <v>157</v>
      </c>
      <c r="D42" s="139" t="s">
        <v>158</v>
      </c>
    </row>
    <row r="43" spans="1:4" s="148" customFormat="1">
      <c r="A43" s="153"/>
      <c r="B43" s="138">
        <v>7</v>
      </c>
      <c r="C43" s="139" t="s">
        <v>159</v>
      </c>
      <c r="D43" s="139" t="s">
        <v>114</v>
      </c>
    </row>
    <row r="44" spans="1:4" s="148" customFormat="1">
      <c r="A44" s="153"/>
      <c r="B44" s="138">
        <v>8</v>
      </c>
      <c r="C44" s="139" t="s">
        <v>137</v>
      </c>
      <c r="D44" s="139" t="s">
        <v>160</v>
      </c>
    </row>
    <row r="45" spans="1:4" s="148" customFormat="1">
      <c r="A45" s="153"/>
      <c r="B45" s="138">
        <v>9</v>
      </c>
      <c r="C45" s="139" t="s">
        <v>138</v>
      </c>
      <c r="D45" s="139" t="s">
        <v>161</v>
      </c>
    </row>
    <row r="46" spans="1:4" s="148" customFormat="1">
      <c r="A46" s="153"/>
      <c r="B46" s="138">
        <v>10</v>
      </c>
      <c r="C46" s="139" t="s">
        <v>309</v>
      </c>
      <c r="D46" s="139" t="s">
        <v>113</v>
      </c>
    </row>
    <row r="47" spans="1:4" s="148" customFormat="1">
      <c r="A47" s="153"/>
      <c r="B47" s="138">
        <v>11</v>
      </c>
      <c r="C47" s="139" t="s">
        <v>139</v>
      </c>
      <c r="D47" s="647" t="s">
        <v>989</v>
      </c>
    </row>
    <row r="48" spans="1:4" s="148" customFormat="1">
      <c r="A48" s="153"/>
      <c r="B48" s="138">
        <v>12</v>
      </c>
      <c r="C48" s="139" t="s">
        <v>183</v>
      </c>
      <c r="D48" s="647" t="s">
        <v>989</v>
      </c>
    </row>
    <row r="49" spans="1:4" s="148" customFormat="1">
      <c r="A49" s="153"/>
      <c r="B49" s="138">
        <v>13</v>
      </c>
      <c r="C49" s="156" t="s">
        <v>459</v>
      </c>
      <c r="D49" s="647" t="s">
        <v>989</v>
      </c>
    </row>
    <row r="50" spans="1:4" s="148" customFormat="1">
      <c r="A50" s="153"/>
      <c r="B50" s="138">
        <v>14</v>
      </c>
      <c r="C50" s="139" t="s">
        <v>162</v>
      </c>
      <c r="D50" s="139" t="s">
        <v>113</v>
      </c>
    </row>
    <row r="51" spans="1:4" s="148" customFormat="1">
      <c r="A51" s="153"/>
      <c r="B51" s="138">
        <v>15</v>
      </c>
      <c r="C51" s="156" t="s">
        <v>217</v>
      </c>
      <c r="D51" s="139" t="s">
        <v>277</v>
      </c>
    </row>
    <row r="52" spans="1:4" s="148" customFormat="1">
      <c r="A52" s="153"/>
      <c r="B52" s="138">
        <v>16</v>
      </c>
      <c r="C52" s="139" t="s">
        <v>140</v>
      </c>
      <c r="D52" s="647" t="s">
        <v>992</v>
      </c>
    </row>
    <row r="53" spans="1:4" s="148" customFormat="1">
      <c r="A53" s="153"/>
      <c r="B53" s="217">
        <v>17</v>
      </c>
      <c r="C53" s="377" t="s">
        <v>683</v>
      </c>
      <c r="D53" s="139" t="s">
        <v>654</v>
      </c>
    </row>
    <row r="54" spans="1:4" s="148" customFormat="1" ht="25.5">
      <c r="A54" s="153"/>
      <c r="B54" s="217">
        <v>18</v>
      </c>
      <c r="C54" s="139" t="s">
        <v>421</v>
      </c>
      <c r="D54" s="647" t="s">
        <v>990</v>
      </c>
    </row>
    <row r="55" spans="1:4" s="148" customFormat="1">
      <c r="A55" s="153"/>
      <c r="B55" s="138">
        <v>19</v>
      </c>
      <c r="C55" s="139" t="s">
        <v>278</v>
      </c>
      <c r="D55" s="139" t="s">
        <v>257</v>
      </c>
    </row>
    <row r="56" spans="1:4" s="148" customFormat="1">
      <c r="A56" s="153"/>
      <c r="B56" s="138">
        <v>20</v>
      </c>
      <c r="C56" s="139" t="s">
        <v>422</v>
      </c>
      <c r="D56" s="139" t="s">
        <v>276</v>
      </c>
    </row>
    <row r="57" spans="1:4" s="148" customFormat="1">
      <c r="A57" s="153"/>
      <c r="B57" s="138">
        <v>21</v>
      </c>
      <c r="C57" s="139" t="s">
        <v>184</v>
      </c>
      <c r="D57" s="139" t="s">
        <v>163</v>
      </c>
    </row>
    <row r="58" spans="1:4" s="148" customFormat="1">
      <c r="A58" s="153"/>
      <c r="B58" s="286">
        <v>22</v>
      </c>
      <c r="C58" s="287" t="s">
        <v>141</v>
      </c>
      <c r="D58" s="648" t="s">
        <v>991</v>
      </c>
    </row>
    <row r="59" spans="1:4" s="148" customFormat="1">
      <c r="A59" s="153"/>
      <c r="B59" s="286">
        <v>23</v>
      </c>
      <c r="C59" s="287" t="s">
        <v>349</v>
      </c>
      <c r="D59" s="287" t="s">
        <v>354</v>
      </c>
    </row>
    <row r="60" spans="1:4" s="148" customFormat="1">
      <c r="A60" s="153"/>
      <c r="B60" s="286">
        <v>24</v>
      </c>
      <c r="C60" s="287" t="s">
        <v>350</v>
      </c>
      <c r="D60" s="287" t="s">
        <v>354</v>
      </c>
    </row>
    <row r="61" spans="1:4" s="148" customFormat="1">
      <c r="A61" s="153"/>
      <c r="B61" s="286">
        <v>25</v>
      </c>
      <c r="C61" s="287" t="s">
        <v>351</v>
      </c>
      <c r="D61" s="287" t="s">
        <v>354</v>
      </c>
    </row>
    <row r="62" spans="1:4" s="148" customFormat="1" ht="24.75">
      <c r="A62" s="153"/>
      <c r="B62" s="286">
        <v>26</v>
      </c>
      <c r="C62" s="287" t="s">
        <v>352</v>
      </c>
      <c r="D62" s="287" t="s">
        <v>358</v>
      </c>
    </row>
    <row r="63" spans="1:4" s="148" customFormat="1">
      <c r="A63" s="153"/>
      <c r="B63" s="286">
        <v>27</v>
      </c>
      <c r="C63" s="287" t="s">
        <v>353</v>
      </c>
      <c r="D63" s="287" t="s">
        <v>385</v>
      </c>
    </row>
    <row r="64" spans="1:4" s="148" customFormat="1">
      <c r="A64" s="154"/>
      <c r="B64" s="140">
        <v>28</v>
      </c>
      <c r="C64" s="141" t="s">
        <v>655</v>
      </c>
      <c r="D64" s="141" t="s">
        <v>651</v>
      </c>
    </row>
    <row r="65" spans="1:4" s="148" customFormat="1">
      <c r="A65" s="149" t="s">
        <v>142</v>
      </c>
      <c r="B65" s="143"/>
      <c r="C65" s="144"/>
      <c r="D65" s="147"/>
    </row>
    <row r="66" spans="1:4" s="148" customFormat="1">
      <c r="A66" s="154"/>
      <c r="B66" s="146">
        <v>1</v>
      </c>
      <c r="C66" s="147" t="s">
        <v>164</v>
      </c>
      <c r="D66" s="147" t="s">
        <v>143</v>
      </c>
    </row>
    <row r="67" spans="1:4" s="148" customFormat="1">
      <c r="A67" s="149" t="s">
        <v>988</v>
      </c>
      <c r="B67" s="143"/>
      <c r="C67" s="144"/>
      <c r="D67" s="147"/>
    </row>
    <row r="68" spans="1:4" s="148" customFormat="1">
      <c r="A68" s="153"/>
      <c r="B68" s="138">
        <v>1</v>
      </c>
      <c r="C68" s="139" t="s">
        <v>409</v>
      </c>
      <c r="D68" s="139" t="s">
        <v>411</v>
      </c>
    </row>
    <row r="69" spans="1:4" s="148" customFormat="1">
      <c r="A69" s="153"/>
      <c r="B69" s="138">
        <v>2</v>
      </c>
      <c r="C69" s="139" t="s">
        <v>412</v>
      </c>
      <c r="D69" s="139" t="s">
        <v>413</v>
      </c>
    </row>
    <row r="70" spans="1:4" s="148" customFormat="1" ht="24.75">
      <c r="A70" s="153"/>
      <c r="B70" s="138">
        <v>3</v>
      </c>
      <c r="C70" s="139" t="s">
        <v>414</v>
      </c>
      <c r="D70" s="156" t="s">
        <v>413</v>
      </c>
    </row>
    <row r="71" spans="1:4" s="148" customFormat="1" ht="25.5">
      <c r="A71" s="153"/>
      <c r="B71" s="138">
        <v>4</v>
      </c>
      <c r="C71" s="139" t="s">
        <v>674</v>
      </c>
      <c r="D71" s="156" t="s">
        <v>656</v>
      </c>
    </row>
    <row r="72" spans="1:4" s="148" customFormat="1" ht="28.5">
      <c r="A72" s="153"/>
      <c r="B72" s="138">
        <v>5</v>
      </c>
      <c r="C72" s="139" t="s">
        <v>671</v>
      </c>
      <c r="D72" s="943" t="s">
        <v>416</v>
      </c>
    </row>
    <row r="73" spans="1:4" s="148" customFormat="1" ht="28.5">
      <c r="A73" s="153"/>
      <c r="B73" s="286">
        <v>6</v>
      </c>
      <c r="C73" s="287" t="s">
        <v>672</v>
      </c>
      <c r="D73" s="944"/>
    </row>
    <row r="74" spans="1:4" s="148" customFormat="1">
      <c r="A74" s="153"/>
      <c r="B74" s="286">
        <v>7</v>
      </c>
      <c r="C74" s="287" t="s">
        <v>415</v>
      </c>
      <c r="D74" s="287" t="s">
        <v>668</v>
      </c>
    </row>
    <row r="75" spans="1:4" s="148" customFormat="1" ht="14.25">
      <c r="A75" s="154"/>
      <c r="B75" s="140">
        <v>8</v>
      </c>
      <c r="C75" s="141" t="s">
        <v>650</v>
      </c>
      <c r="D75" s="141" t="s">
        <v>657</v>
      </c>
    </row>
    <row r="76" spans="1:4" s="148" customFormat="1">
      <c r="A76" s="675" t="s">
        <v>1027</v>
      </c>
    </row>
    <row r="77" spans="1:4" s="148" customFormat="1"/>
    <row r="78" spans="1:4" s="148" customFormat="1">
      <c r="A78" s="332" t="s">
        <v>993</v>
      </c>
      <c r="B78" s="575"/>
      <c r="C78" s="575"/>
      <c r="D78" s="588"/>
    </row>
    <row r="79" spans="1:4" s="148" customFormat="1">
      <c r="A79" s="220" t="s">
        <v>863</v>
      </c>
      <c r="B79" s="126"/>
      <c r="C79" s="126"/>
      <c r="D79" s="636"/>
    </row>
    <row r="80" spans="1:4" s="148" customFormat="1">
      <c r="A80" s="220"/>
      <c r="B80" s="649">
        <v>1</v>
      </c>
      <c r="C80" s="650" t="s">
        <v>994</v>
      </c>
      <c r="D80" s="651" t="s">
        <v>125</v>
      </c>
    </row>
    <row r="81" spans="1:4">
      <c r="A81" s="220"/>
      <c r="B81" s="652">
        <v>2</v>
      </c>
      <c r="C81" s="653" t="s">
        <v>995</v>
      </c>
      <c r="D81" s="654" t="s">
        <v>905</v>
      </c>
    </row>
    <row r="82" spans="1:4">
      <c r="A82" s="220"/>
      <c r="B82" s="652">
        <v>3</v>
      </c>
      <c r="C82" s="653" t="s">
        <v>996</v>
      </c>
      <c r="D82" s="654" t="s">
        <v>997</v>
      </c>
    </row>
    <row r="83" spans="1:4">
      <c r="A83" s="220"/>
      <c r="B83" s="652">
        <v>4</v>
      </c>
      <c r="C83" s="653" t="s">
        <v>998</v>
      </c>
      <c r="D83" s="216" t="s">
        <v>999</v>
      </c>
    </row>
    <row r="84" spans="1:4">
      <c r="A84" s="220"/>
      <c r="B84" s="655">
        <v>5</v>
      </c>
      <c r="C84" s="653" t="s">
        <v>1000</v>
      </c>
      <c r="D84" s="672" t="s">
        <v>1026</v>
      </c>
    </row>
    <row r="85" spans="1:4">
      <c r="A85" s="220"/>
      <c r="B85" s="655">
        <v>6</v>
      </c>
      <c r="C85" s="653" t="s">
        <v>1001</v>
      </c>
      <c r="D85" s="672" t="s">
        <v>1026</v>
      </c>
    </row>
    <row r="86" spans="1:4">
      <c r="A86" s="220"/>
      <c r="B86" s="655">
        <v>7</v>
      </c>
      <c r="C86" s="653" t="s">
        <v>1002</v>
      </c>
      <c r="D86" s="672" t="s">
        <v>1026</v>
      </c>
    </row>
    <row r="87" spans="1:4">
      <c r="A87" s="220"/>
      <c r="B87" s="655">
        <v>8</v>
      </c>
      <c r="C87" s="653" t="s">
        <v>1003</v>
      </c>
      <c r="D87" s="672" t="s">
        <v>1026</v>
      </c>
    </row>
    <row r="88" spans="1:4">
      <c r="A88" s="220"/>
      <c r="B88" s="655">
        <v>9</v>
      </c>
      <c r="C88" s="656" t="s">
        <v>1004</v>
      </c>
      <c r="D88" s="672" t="s">
        <v>1026</v>
      </c>
    </row>
    <row r="89" spans="1:4">
      <c r="A89" s="220"/>
      <c r="B89" s="658">
        <v>10</v>
      </c>
      <c r="C89" s="659" t="s">
        <v>1005</v>
      </c>
      <c r="D89" s="673" t="s">
        <v>1026</v>
      </c>
    </row>
    <row r="90" spans="1:4">
      <c r="A90" s="220" t="s">
        <v>883</v>
      </c>
      <c r="B90" s="148"/>
      <c r="C90" s="148"/>
      <c r="D90" s="627"/>
    </row>
    <row r="91" spans="1:4">
      <c r="A91" s="220"/>
      <c r="B91" s="660">
        <v>1</v>
      </c>
      <c r="C91" s="661" t="s">
        <v>1006</v>
      </c>
      <c r="D91" s="661" t="s">
        <v>668</v>
      </c>
    </row>
    <row r="92" spans="1:4">
      <c r="A92" s="220"/>
      <c r="B92" s="655">
        <v>2</v>
      </c>
      <c r="C92" s="657" t="s">
        <v>1007</v>
      </c>
      <c r="D92" s="672" t="s">
        <v>1026</v>
      </c>
    </row>
    <row r="93" spans="1:4" ht="14.25">
      <c r="A93" s="220"/>
      <c r="B93" s="655">
        <v>3</v>
      </c>
      <c r="C93" s="662" t="s">
        <v>1008</v>
      </c>
      <c r="D93" s="672" t="s">
        <v>1026</v>
      </c>
    </row>
    <row r="94" spans="1:4">
      <c r="A94" s="220"/>
      <c r="B94" s="655">
        <v>4</v>
      </c>
      <c r="C94" s="657" t="s">
        <v>1009</v>
      </c>
      <c r="D94" s="672" t="s">
        <v>1026</v>
      </c>
    </row>
    <row r="95" spans="1:4">
      <c r="A95" s="220"/>
      <c r="B95" s="655">
        <v>5</v>
      </c>
      <c r="C95" s="657" t="s">
        <v>1010</v>
      </c>
      <c r="D95" s="672" t="s">
        <v>1026</v>
      </c>
    </row>
    <row r="96" spans="1:4" ht="14.25">
      <c r="A96" s="220"/>
      <c r="B96" s="655">
        <v>6</v>
      </c>
      <c r="C96" s="662" t="s">
        <v>1011</v>
      </c>
      <c r="D96" s="672" t="s">
        <v>1026</v>
      </c>
    </row>
    <row r="97" spans="1:4" ht="14.25">
      <c r="A97" s="220"/>
      <c r="B97" s="655">
        <v>7</v>
      </c>
      <c r="C97" s="662" t="s">
        <v>1012</v>
      </c>
      <c r="D97" s="672" t="s">
        <v>1026</v>
      </c>
    </row>
    <row r="98" spans="1:4" ht="14.25">
      <c r="A98" s="220"/>
      <c r="B98" s="663">
        <v>8</v>
      </c>
      <c r="C98" s="664" t="s">
        <v>1013</v>
      </c>
      <c r="D98" s="673" t="s">
        <v>1026</v>
      </c>
    </row>
    <row r="99" spans="1:4">
      <c r="A99" s="220" t="s">
        <v>894</v>
      </c>
      <c r="D99" s="636"/>
    </row>
    <row r="100" spans="1:4">
      <c r="A100" s="220"/>
      <c r="B100" s="665">
        <v>1</v>
      </c>
      <c r="C100" s="666" t="s">
        <v>1014</v>
      </c>
      <c r="D100" s="674" t="s">
        <v>1026</v>
      </c>
    </row>
    <row r="101" spans="1:4">
      <c r="A101" s="220"/>
      <c r="B101" s="652">
        <v>2</v>
      </c>
      <c r="C101" s="654" t="s">
        <v>1015</v>
      </c>
      <c r="D101" s="672" t="s">
        <v>1026</v>
      </c>
    </row>
    <row r="102" spans="1:4">
      <c r="A102" s="220"/>
      <c r="B102" s="652">
        <v>3</v>
      </c>
      <c r="C102" s="654" t="s">
        <v>1016</v>
      </c>
      <c r="D102" s="672" t="s">
        <v>1026</v>
      </c>
    </row>
    <row r="103" spans="1:4">
      <c r="A103" s="220"/>
      <c r="B103" s="652">
        <v>4</v>
      </c>
      <c r="C103" s="654" t="s">
        <v>1017</v>
      </c>
      <c r="D103" s="672" t="s">
        <v>1026</v>
      </c>
    </row>
    <row r="104" spans="1:4">
      <c r="A104" s="220"/>
      <c r="B104" s="652">
        <v>5</v>
      </c>
      <c r="C104" s="654" t="s">
        <v>1018</v>
      </c>
      <c r="D104" s="672" t="s">
        <v>1026</v>
      </c>
    </row>
    <row r="105" spans="1:4">
      <c r="A105" s="220"/>
      <c r="B105" s="652">
        <v>6</v>
      </c>
      <c r="C105" s="654" t="s">
        <v>1019</v>
      </c>
      <c r="D105" s="672" t="s">
        <v>1026</v>
      </c>
    </row>
    <row r="106" spans="1:4">
      <c r="A106" s="220"/>
      <c r="B106" s="652">
        <v>7</v>
      </c>
      <c r="C106" s="654" t="s">
        <v>1020</v>
      </c>
      <c r="D106" s="672" t="s">
        <v>1026</v>
      </c>
    </row>
    <row r="107" spans="1:4">
      <c r="A107" s="220"/>
      <c r="B107" s="652">
        <v>8</v>
      </c>
      <c r="C107" s="654" t="s">
        <v>1021</v>
      </c>
      <c r="D107" s="672" t="s">
        <v>1026</v>
      </c>
    </row>
    <row r="108" spans="1:4">
      <c r="A108" s="220"/>
      <c r="B108" s="667">
        <v>9</v>
      </c>
      <c r="C108" s="668" t="s">
        <v>1022</v>
      </c>
      <c r="D108" s="668" t="s">
        <v>1023</v>
      </c>
    </row>
    <row r="109" spans="1:4" ht="24">
      <c r="A109" s="367"/>
      <c r="B109" s="669">
        <v>10</v>
      </c>
      <c r="C109" s="670" t="s">
        <v>1024</v>
      </c>
      <c r="D109" s="671" t="s">
        <v>1025</v>
      </c>
    </row>
  </sheetData>
  <sheetProtection algorithmName="SHA-512" hashValue="gMgrl6zMC3RH6GjjWyXn5M3kRAunHWT9Rlv9Y45IPPjNgf25H/eQs8L3NxwteHDw05e86+g68VTyShYlIQ6S5g==" saltValue="i9QTd3F1uxAT9JaY/N+r9w==" spinCount="100000" sheet="1" objects="1" scenarios="1"/>
  <mergeCells count="1">
    <mergeCell ref="D72:D73"/>
  </mergeCells>
  <phoneticPr fontId="7"/>
  <printOptions horizontalCentered="1"/>
  <pageMargins left="0.78740157480314965" right="0.78740157480314965" top="0.98425196850393704" bottom="0.78740157480314965" header="0.31496062992125984" footer="0.31496062992125984"/>
  <pageSetup paperSize="9" scale="48"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C03976-927D-4B64-A86F-F30022A95F29}">
  <sheetPr>
    <tabColor rgb="FFFFFF00"/>
  </sheetPr>
  <dimension ref="B1:M61"/>
  <sheetViews>
    <sheetView showGridLines="0" view="pageBreakPreview" zoomScale="90" zoomScaleNormal="100" zoomScaleSheetLayoutView="90" workbookViewId="0"/>
  </sheetViews>
  <sheetFormatPr defaultColWidth="9.140625" defaultRowHeight="15" customHeight="1"/>
  <cols>
    <col min="1" max="1" width="3.7109375" style="383" customWidth="1"/>
    <col min="2" max="2" width="3.7109375" style="386" customWidth="1"/>
    <col min="3" max="3" width="3.7109375" style="383" customWidth="1"/>
    <col min="4" max="11" width="9.140625" style="383"/>
    <col min="12" max="12" width="15.42578125" style="383" customWidth="1"/>
    <col min="13" max="13" width="16.28515625" style="383" customWidth="1"/>
    <col min="14" max="14" width="3.7109375" style="383" customWidth="1"/>
    <col min="15" max="16384" width="9.140625" style="383"/>
  </cols>
  <sheetData>
    <row r="1" spans="2:13" ht="15" customHeight="1">
      <c r="B1" s="383"/>
      <c r="K1" s="695" t="s">
        <v>730</v>
      </c>
      <c r="L1" s="695"/>
      <c r="M1" s="695"/>
    </row>
    <row r="2" spans="2:13" ht="12.75" customHeight="1">
      <c r="B2" s="383"/>
    </row>
    <row r="3" spans="2:13" ht="15" customHeight="1">
      <c r="B3" s="707" t="s">
        <v>1040</v>
      </c>
      <c r="C3" s="707"/>
      <c r="D3" s="707"/>
      <c r="E3" s="707"/>
      <c r="F3" s="707"/>
      <c r="G3" s="707"/>
      <c r="H3" s="707"/>
      <c r="I3" s="707"/>
      <c r="J3" s="707"/>
      <c r="K3" s="707"/>
      <c r="L3" s="707"/>
      <c r="M3" s="707"/>
    </row>
    <row r="4" spans="2:13" ht="15" customHeight="1">
      <c r="B4" s="707"/>
      <c r="C4" s="707"/>
      <c r="D4" s="707"/>
      <c r="E4" s="707"/>
      <c r="F4" s="707"/>
      <c r="G4" s="707"/>
      <c r="H4" s="707"/>
      <c r="I4" s="707"/>
      <c r="J4" s="707"/>
      <c r="K4" s="707"/>
      <c r="L4" s="707"/>
      <c r="M4" s="707"/>
    </row>
    <row r="5" spans="2:13" ht="15" customHeight="1">
      <c r="B5" s="708"/>
      <c r="C5" s="708"/>
      <c r="D5" s="708"/>
      <c r="E5" s="708"/>
      <c r="F5" s="708"/>
      <c r="G5" s="708"/>
      <c r="H5" s="708"/>
      <c r="I5" s="708"/>
      <c r="J5" s="708"/>
      <c r="K5" s="708"/>
      <c r="L5" s="708"/>
      <c r="M5" s="708"/>
    </row>
    <row r="6" spans="2:13" ht="15" customHeight="1">
      <c r="B6" s="708"/>
      <c r="C6" s="708"/>
      <c r="D6" s="708"/>
      <c r="E6" s="708"/>
      <c r="F6" s="708"/>
      <c r="G6" s="708"/>
      <c r="H6" s="708"/>
      <c r="I6" s="708"/>
      <c r="J6" s="708"/>
      <c r="K6" s="708"/>
      <c r="L6" s="708"/>
      <c r="M6" s="708"/>
    </row>
    <row r="7" spans="2:13" ht="15" customHeight="1">
      <c r="B7" s="709" t="s">
        <v>922</v>
      </c>
      <c r="C7" s="709"/>
      <c r="D7" s="709"/>
      <c r="E7" s="709"/>
      <c r="F7" s="709"/>
      <c r="G7" s="709"/>
      <c r="H7" s="709"/>
      <c r="I7" s="709"/>
      <c r="J7" s="709"/>
      <c r="K7" s="709"/>
      <c r="L7" s="709"/>
      <c r="M7" s="709"/>
    </row>
    <row r="8" spans="2:13" ht="15" customHeight="1">
      <c r="B8" s="430"/>
      <c r="C8" s="430"/>
      <c r="D8" s="430"/>
      <c r="E8" s="430"/>
      <c r="F8" s="430"/>
      <c r="G8" s="430"/>
      <c r="H8" s="430"/>
      <c r="I8" s="430"/>
      <c r="J8" s="430"/>
      <c r="K8" s="430"/>
      <c r="L8" s="430"/>
      <c r="M8" s="430"/>
    </row>
    <row r="9" spans="2:13" ht="12.75" customHeight="1">
      <c r="B9" s="383"/>
    </row>
    <row r="10" spans="2:13" ht="15" customHeight="1">
      <c r="B10" s="384" t="s">
        <v>690</v>
      </c>
      <c r="C10" s="383" t="s">
        <v>731</v>
      </c>
      <c r="F10" s="385"/>
    </row>
    <row r="11" spans="2:13" ht="12.75" customHeight="1">
      <c r="B11" s="384"/>
      <c r="F11" s="385"/>
    </row>
    <row r="12" spans="2:13" ht="15" customHeight="1" thickBot="1">
      <c r="B12" s="384"/>
      <c r="C12" s="386"/>
      <c r="D12" s="387" t="s">
        <v>732</v>
      </c>
      <c r="E12" s="388"/>
      <c r="F12" s="387" t="s">
        <v>733</v>
      </c>
      <c r="G12" s="389"/>
      <c r="H12" s="389"/>
      <c r="I12" s="389"/>
      <c r="J12" s="389"/>
      <c r="K12" s="389"/>
      <c r="L12" s="388"/>
      <c r="M12" s="390" t="s">
        <v>734</v>
      </c>
    </row>
    <row r="13" spans="2:13" ht="15" customHeight="1">
      <c r="B13" s="384"/>
      <c r="C13" s="386"/>
      <c r="D13" s="391" t="s">
        <v>928</v>
      </c>
      <c r="E13" s="392"/>
      <c r="F13" s="393" t="s">
        <v>735</v>
      </c>
      <c r="G13" s="394"/>
      <c r="H13" s="394"/>
      <c r="I13" s="394"/>
      <c r="J13" s="394"/>
      <c r="K13" s="394"/>
      <c r="L13" s="392"/>
      <c r="M13" s="710" t="s">
        <v>586</v>
      </c>
    </row>
    <row r="14" spans="2:13" ht="15" customHeight="1">
      <c r="B14" s="384"/>
      <c r="C14" s="386"/>
      <c r="D14" s="395"/>
      <c r="E14" s="396"/>
      <c r="F14" s="397" t="s">
        <v>736</v>
      </c>
      <c r="G14" s="398"/>
      <c r="H14" s="398"/>
      <c r="I14" s="398"/>
      <c r="J14" s="398"/>
      <c r="K14" s="398"/>
      <c r="L14" s="396"/>
      <c r="M14" s="711"/>
    </row>
    <row r="15" spans="2:13" ht="15" customHeight="1">
      <c r="D15" s="399" t="s">
        <v>929</v>
      </c>
      <c r="E15" s="400"/>
      <c r="F15" s="401" t="s">
        <v>737</v>
      </c>
      <c r="G15" s="402"/>
      <c r="H15" s="402"/>
      <c r="I15" s="402"/>
      <c r="J15" s="402"/>
      <c r="K15" s="402"/>
      <c r="L15" s="400"/>
      <c r="M15" s="712" t="s">
        <v>587</v>
      </c>
    </row>
    <row r="16" spans="2:13" ht="15" customHeight="1">
      <c r="D16" s="431"/>
      <c r="E16" s="392"/>
      <c r="F16" s="393" t="s">
        <v>738</v>
      </c>
      <c r="G16" s="394"/>
      <c r="H16" s="394"/>
      <c r="I16" s="394"/>
      <c r="J16" s="394"/>
      <c r="K16" s="394"/>
      <c r="L16" s="392"/>
      <c r="M16" s="713"/>
    </row>
    <row r="17" spans="2:13" ht="15" customHeight="1">
      <c r="D17" s="395"/>
      <c r="E17" s="396"/>
      <c r="F17" s="397" t="s">
        <v>739</v>
      </c>
      <c r="G17" s="398"/>
      <c r="H17" s="398"/>
      <c r="I17" s="398"/>
      <c r="J17" s="398"/>
      <c r="K17" s="398"/>
      <c r="L17" s="396"/>
      <c r="M17" s="714"/>
    </row>
    <row r="18" spans="2:13" ht="24">
      <c r="D18" s="432" t="s">
        <v>930</v>
      </c>
      <c r="E18" s="207"/>
      <c r="F18" s="397" t="s">
        <v>1043</v>
      </c>
      <c r="G18" s="404"/>
      <c r="H18" s="404"/>
      <c r="I18" s="404"/>
      <c r="J18" s="404"/>
      <c r="K18" s="404"/>
      <c r="L18" s="207"/>
      <c r="M18" s="433" t="s">
        <v>588</v>
      </c>
    </row>
    <row r="19" spans="2:13" ht="26.1" customHeight="1">
      <c r="B19" s="384"/>
      <c r="C19" s="386"/>
      <c r="D19" s="403" t="s">
        <v>931</v>
      </c>
      <c r="E19" s="406"/>
      <c r="F19" s="715" t="s">
        <v>1037</v>
      </c>
      <c r="G19" s="716"/>
      <c r="H19" s="716"/>
      <c r="I19" s="716"/>
      <c r="J19" s="716"/>
      <c r="K19" s="716"/>
      <c r="L19" s="717"/>
      <c r="M19" s="405" t="s">
        <v>700</v>
      </c>
    </row>
    <row r="20" spans="2:13" ht="26.1" customHeight="1">
      <c r="B20" s="384"/>
      <c r="C20" s="386"/>
      <c r="D20" s="403" t="s">
        <v>932</v>
      </c>
      <c r="E20" s="406"/>
      <c r="F20" s="407" t="s">
        <v>740</v>
      </c>
      <c r="G20" s="408"/>
      <c r="H20" s="408"/>
      <c r="I20" s="408"/>
      <c r="J20" s="408"/>
      <c r="K20" s="408"/>
      <c r="L20" s="406"/>
      <c r="M20" s="434" t="s">
        <v>251</v>
      </c>
    </row>
    <row r="21" spans="2:13" ht="26.1" customHeight="1">
      <c r="D21" s="409" t="s">
        <v>933</v>
      </c>
      <c r="E21" s="305"/>
      <c r="F21" s="410" t="s">
        <v>741</v>
      </c>
      <c r="G21" s="411"/>
      <c r="H21" s="411"/>
      <c r="I21" s="411"/>
      <c r="J21" s="411"/>
      <c r="K21" s="411"/>
      <c r="L21" s="305"/>
      <c r="M21" s="412" t="s">
        <v>362</v>
      </c>
    </row>
    <row r="22" spans="2:13" ht="26.1" customHeight="1">
      <c r="B22" s="384"/>
      <c r="C22" s="386"/>
      <c r="D22" s="413" t="s">
        <v>934</v>
      </c>
      <c r="E22" s="435"/>
      <c r="F22" s="410" t="s">
        <v>1042</v>
      </c>
      <c r="G22" s="436"/>
      <c r="H22" s="436"/>
      <c r="I22" s="436"/>
      <c r="J22" s="436"/>
      <c r="K22" s="436"/>
      <c r="L22" s="435"/>
      <c r="M22" s="415" t="s">
        <v>1047</v>
      </c>
    </row>
    <row r="23" spans="2:13" ht="14.25">
      <c r="B23" s="384"/>
      <c r="C23" s="386"/>
      <c r="D23" s="693" t="s">
        <v>923</v>
      </c>
      <c r="E23" s="693"/>
      <c r="F23" s="693"/>
      <c r="G23" s="693"/>
      <c r="H23" s="693"/>
      <c r="I23" s="693"/>
      <c r="J23" s="693"/>
      <c r="K23" s="693"/>
      <c r="L23" s="693"/>
      <c r="M23" s="693"/>
    </row>
    <row r="24" spans="2:13" ht="14.25">
      <c r="B24" s="384"/>
      <c r="C24" s="386"/>
      <c r="D24" s="694"/>
      <c r="E24" s="694"/>
      <c r="F24" s="694"/>
      <c r="G24" s="694"/>
      <c r="H24" s="694"/>
      <c r="I24" s="694"/>
      <c r="J24" s="694"/>
      <c r="K24" s="694"/>
      <c r="L24" s="694"/>
      <c r="M24" s="694"/>
    </row>
    <row r="25" spans="2:13" ht="14.25">
      <c r="B25" s="384"/>
      <c r="C25" s="386"/>
      <c r="D25" s="694"/>
      <c r="E25" s="694"/>
      <c r="F25" s="694"/>
      <c r="G25" s="694"/>
      <c r="H25" s="694"/>
      <c r="I25" s="694"/>
      <c r="J25" s="694"/>
      <c r="K25" s="694"/>
      <c r="L25" s="694"/>
      <c r="M25" s="694"/>
    </row>
    <row r="26" spans="2:13" ht="14.25">
      <c r="B26" s="384"/>
      <c r="C26" s="386"/>
      <c r="D26" s="694"/>
      <c r="E26" s="694"/>
      <c r="F26" s="694"/>
      <c r="G26" s="694"/>
      <c r="H26" s="694"/>
      <c r="I26" s="694"/>
      <c r="J26" s="694"/>
      <c r="K26" s="694"/>
      <c r="L26" s="694"/>
      <c r="M26" s="694"/>
    </row>
    <row r="27" spans="2:13" ht="12.75" customHeight="1">
      <c r="B27" s="384"/>
      <c r="C27" s="386"/>
      <c r="D27" s="694"/>
      <c r="E27" s="694"/>
      <c r="F27" s="694"/>
      <c r="G27" s="694"/>
      <c r="H27" s="694"/>
      <c r="I27" s="694"/>
      <c r="J27" s="694"/>
      <c r="K27" s="694"/>
      <c r="L27" s="694"/>
      <c r="M27" s="694"/>
    </row>
    <row r="28" spans="2:13" ht="15" customHeight="1">
      <c r="B28" s="384"/>
      <c r="C28" s="161" t="s">
        <v>924</v>
      </c>
      <c r="D28" s="417"/>
      <c r="E28" s="417"/>
      <c r="F28" s="418"/>
      <c r="G28" s="417"/>
      <c r="H28" s="417"/>
      <c r="I28" s="417"/>
      <c r="J28" s="417"/>
      <c r="K28" s="417"/>
      <c r="L28" s="417"/>
      <c r="M28" s="419"/>
    </row>
    <row r="29" spans="2:13" ht="15" customHeight="1">
      <c r="C29" s="161" t="s">
        <v>925</v>
      </c>
      <c r="D29" s="420"/>
      <c r="F29" s="421"/>
      <c r="M29" s="422"/>
    </row>
    <row r="30" spans="2:13" ht="15" customHeight="1">
      <c r="C30" s="383" t="s">
        <v>1048</v>
      </c>
      <c r="D30" s="416"/>
      <c r="E30" s="423"/>
      <c r="F30" s="424"/>
    </row>
    <row r="31" spans="2:13" ht="15" customHeight="1">
      <c r="B31" s="384"/>
      <c r="C31" s="383" t="s">
        <v>926</v>
      </c>
      <c r="F31" s="385"/>
    </row>
    <row r="32" spans="2:13" ht="15" customHeight="1">
      <c r="B32" s="384"/>
      <c r="C32" s="383" t="s">
        <v>927</v>
      </c>
      <c r="F32" s="385"/>
    </row>
    <row r="33" spans="2:11" ht="12.75" customHeight="1">
      <c r="B33" s="384"/>
    </row>
    <row r="34" spans="2:11" ht="15" customHeight="1">
      <c r="B34" s="384" t="s">
        <v>703</v>
      </c>
      <c r="C34" s="383" t="s">
        <v>742</v>
      </c>
    </row>
    <row r="35" spans="2:11" ht="15" customHeight="1">
      <c r="D35" s="383" t="s">
        <v>942</v>
      </c>
    </row>
    <row r="36" spans="2:11" ht="15" customHeight="1">
      <c r="E36" s="437" t="s">
        <v>743</v>
      </c>
    </row>
    <row r="37" spans="2:11" ht="15" customHeight="1">
      <c r="E37" s="437" t="s">
        <v>744</v>
      </c>
    </row>
    <row r="38" spans="2:11" ht="15" customHeight="1">
      <c r="E38" s="437" t="s">
        <v>745</v>
      </c>
    </row>
    <row r="39" spans="2:11" ht="15" customHeight="1">
      <c r="D39" s="383" t="s">
        <v>943</v>
      </c>
    </row>
    <row r="40" spans="2:11" ht="15" customHeight="1">
      <c r="E40" s="437" t="s">
        <v>746</v>
      </c>
    </row>
    <row r="41" spans="2:11" ht="15" customHeight="1">
      <c r="E41" s="437" t="s">
        <v>747</v>
      </c>
    </row>
    <row r="42" spans="2:11" ht="15" customHeight="1">
      <c r="C42" s="383" t="s">
        <v>748</v>
      </c>
    </row>
    <row r="43" spans="2:11" ht="15" customHeight="1">
      <c r="C43" s="383" t="s">
        <v>749</v>
      </c>
    </row>
    <row r="44" spans="2:11" ht="12.75" customHeight="1"/>
    <row r="45" spans="2:11" ht="15" customHeight="1">
      <c r="B45" s="384" t="s">
        <v>708</v>
      </c>
      <c r="C45" s="383" t="s">
        <v>941</v>
      </c>
    </row>
    <row r="46" spans="2:11" ht="15" customHeight="1">
      <c r="D46" s="161" t="s">
        <v>750</v>
      </c>
      <c r="E46" s="427"/>
      <c r="H46" s="428"/>
      <c r="I46" s="427"/>
      <c r="J46" s="427"/>
      <c r="K46" s="427"/>
    </row>
    <row r="47" spans="2:11" ht="15" customHeight="1">
      <c r="D47" s="161" t="s">
        <v>944</v>
      </c>
      <c r="E47" s="427"/>
      <c r="H47" s="428"/>
      <c r="I47" s="427"/>
      <c r="J47" s="427"/>
      <c r="K47" s="427"/>
    </row>
    <row r="48" spans="2:11" ht="15" customHeight="1">
      <c r="D48" s="161" t="s">
        <v>751</v>
      </c>
      <c r="E48" s="427"/>
      <c r="H48" s="428"/>
      <c r="I48" s="427"/>
      <c r="J48" s="427"/>
      <c r="K48" s="427"/>
    </row>
    <row r="49" spans="2:11" ht="15" customHeight="1">
      <c r="D49" s="161" t="s">
        <v>752</v>
      </c>
      <c r="E49" s="427"/>
      <c r="H49" s="428"/>
      <c r="I49" s="427"/>
      <c r="J49" s="427"/>
      <c r="K49" s="427"/>
    </row>
    <row r="50" spans="2:11" ht="12.75" customHeight="1">
      <c r="D50" s="161"/>
      <c r="E50" s="427"/>
      <c r="H50" s="428"/>
      <c r="I50" s="427"/>
      <c r="J50" s="427"/>
      <c r="K50" s="427"/>
    </row>
    <row r="51" spans="2:11" ht="15" customHeight="1">
      <c r="B51" s="384" t="s">
        <v>717</v>
      </c>
      <c r="C51" s="383" t="s">
        <v>945</v>
      </c>
      <c r="H51" s="428"/>
      <c r="I51" s="427"/>
      <c r="J51" s="427"/>
      <c r="K51" s="427"/>
    </row>
    <row r="52" spans="2:11" ht="15" customHeight="1">
      <c r="D52" s="161" t="s">
        <v>750</v>
      </c>
      <c r="E52" s="427"/>
      <c r="H52" s="428"/>
      <c r="I52" s="427"/>
      <c r="J52" s="427"/>
      <c r="K52" s="427"/>
    </row>
    <row r="53" spans="2:11" ht="15" customHeight="1">
      <c r="D53" s="161" t="s">
        <v>944</v>
      </c>
      <c r="E53" s="427"/>
      <c r="H53" s="428"/>
      <c r="I53" s="427"/>
      <c r="J53" s="427"/>
      <c r="K53" s="427"/>
    </row>
    <row r="54" spans="2:11" ht="15" customHeight="1">
      <c r="D54" s="161" t="s">
        <v>751</v>
      </c>
      <c r="E54" s="427"/>
      <c r="H54" s="428"/>
      <c r="I54" s="427"/>
      <c r="J54" s="427"/>
      <c r="K54" s="427"/>
    </row>
    <row r="55" spans="2:11" ht="15" customHeight="1">
      <c r="D55" s="161" t="s">
        <v>753</v>
      </c>
      <c r="E55" s="427"/>
    </row>
    <row r="56" spans="2:11" ht="12.75" customHeight="1">
      <c r="D56" s="161"/>
      <c r="E56" s="427"/>
    </row>
    <row r="57" spans="2:11" ht="15" customHeight="1">
      <c r="B57" s="384" t="s">
        <v>720</v>
      </c>
      <c r="C57" s="383" t="s">
        <v>754</v>
      </c>
    </row>
    <row r="58" spans="2:11" ht="15" customHeight="1">
      <c r="C58" s="383" t="s">
        <v>755</v>
      </c>
    </row>
    <row r="59" spans="2:11" ht="12.75" customHeight="1"/>
    <row r="60" spans="2:11" ht="15" customHeight="1">
      <c r="B60" s="384" t="s">
        <v>724</v>
      </c>
      <c r="C60" s="383" t="s">
        <v>756</v>
      </c>
    </row>
    <row r="61" spans="2:11" ht="15" customHeight="1">
      <c r="B61" s="383"/>
      <c r="C61" s="383" t="s">
        <v>946</v>
      </c>
    </row>
  </sheetData>
  <sheetProtection algorithmName="SHA-512" hashValue="WHJ0Rk5Uais1Pe4WdScJZe5dswUG3gJpLnpOkDTCLt6MymP3IxCZOsXXMCJETzhqL4yS2WqseUQ/HAjWQyau9w==" saltValue="rml5M5/2Bdmezq0ugKqxxA==" spinCount="100000" sheet="1" objects="1" scenarios="1"/>
  <mergeCells count="7">
    <mergeCell ref="D23:M27"/>
    <mergeCell ref="K1:M1"/>
    <mergeCell ref="B3:M6"/>
    <mergeCell ref="B7:M7"/>
    <mergeCell ref="M13:M14"/>
    <mergeCell ref="M15:M17"/>
    <mergeCell ref="F19:L19"/>
  </mergeCells>
  <phoneticPr fontId="7"/>
  <printOptions horizontalCentered="1"/>
  <pageMargins left="0.39370078740157483" right="0.39370078740157483" top="0.74803149606299213" bottom="0.74803149606299213" header="0.31496062992125984" footer="0.31496062992125984"/>
  <pageSetup paperSize="9" scale="7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pageSetUpPr fitToPage="1"/>
  </sheetPr>
  <dimension ref="A1:G67"/>
  <sheetViews>
    <sheetView showGridLines="0" tabSelected="1" view="pageBreakPreview" zoomScale="90" zoomScaleNormal="100" zoomScaleSheetLayoutView="90" workbookViewId="0">
      <selection activeCell="F4" sqref="F4"/>
    </sheetView>
  </sheetViews>
  <sheetFormatPr defaultColWidth="0.7109375" defaultRowHeight="15.75"/>
  <cols>
    <col min="1" max="1" width="1.42578125" style="45" customWidth="1"/>
    <col min="2" max="2" width="1.42578125" style="43" customWidth="1"/>
    <col min="3" max="3" width="0.7109375" style="41" customWidth="1"/>
    <col min="4" max="4" width="4.7109375" style="62" bestFit="1" customWidth="1"/>
    <col min="5" max="5" width="45.28515625" style="41" customWidth="1"/>
    <col min="6" max="6" width="67.5703125" style="41" customWidth="1"/>
    <col min="7" max="7" width="21.28515625" style="41" customWidth="1"/>
    <col min="8" max="8" width="6.42578125" style="41" customWidth="1"/>
    <col min="9" max="16384" width="0.7109375" style="41"/>
  </cols>
  <sheetData>
    <row r="1" spans="1:7" ht="12.75">
      <c r="A1" s="7"/>
      <c r="B1" s="7"/>
      <c r="C1" s="6"/>
      <c r="D1" s="6"/>
      <c r="E1" s="8"/>
      <c r="F1" s="8"/>
      <c r="G1" s="9" t="str">
        <f>F15</f>
        <v xml:space="preserve"> </v>
      </c>
    </row>
    <row r="2" spans="1:7" ht="14.25">
      <c r="A2" s="640" t="s">
        <v>947</v>
      </c>
      <c r="D2" s="42"/>
      <c r="E2" s="44"/>
      <c r="F2" s="44"/>
      <c r="G2" s="44"/>
    </row>
    <row r="3" spans="1:7" ht="14.25">
      <c r="A3" s="8" t="s">
        <v>948</v>
      </c>
      <c r="D3" s="42"/>
      <c r="E3" s="44"/>
      <c r="F3" s="44"/>
      <c r="G3" s="44"/>
    </row>
    <row r="4" spans="1:7" ht="21" customHeight="1">
      <c r="C4" s="44"/>
      <c r="D4" s="44"/>
      <c r="E4" s="115" t="s">
        <v>327</v>
      </c>
      <c r="F4" s="121"/>
    </row>
    <row r="5" spans="1:7" ht="21" customHeight="1">
      <c r="C5" s="44"/>
      <c r="D5" s="44"/>
      <c r="E5" s="116" t="s">
        <v>328</v>
      </c>
      <c r="F5" s="122"/>
    </row>
    <row r="6" spans="1:7" ht="21" customHeight="1">
      <c r="C6" s="44"/>
      <c r="D6" s="44"/>
      <c r="E6" s="116" t="s">
        <v>329</v>
      </c>
      <c r="F6" s="158"/>
    </row>
    <row r="7" spans="1:7" s="126" customFormat="1" ht="10.5" customHeight="1">
      <c r="A7" s="159"/>
      <c r="B7" s="677"/>
      <c r="C7" s="676"/>
      <c r="D7" s="676"/>
      <c r="E7" s="676"/>
      <c r="F7" s="676"/>
      <c r="G7" s="676"/>
    </row>
    <row r="8" spans="1:7" s="126" customFormat="1" ht="26.25">
      <c r="A8" s="159"/>
      <c r="B8" s="677"/>
      <c r="C8" s="46" t="s">
        <v>603</v>
      </c>
      <c r="D8" s="46"/>
      <c r="E8" s="676"/>
      <c r="F8" s="676"/>
      <c r="G8" s="47"/>
    </row>
    <row r="9" spans="1:7" s="126" customFormat="1">
      <c r="A9" s="159"/>
      <c r="B9" s="677"/>
      <c r="C9" s="48" t="s">
        <v>604</v>
      </c>
      <c r="D9" s="12"/>
      <c r="E9" s="676"/>
      <c r="F9" s="676"/>
      <c r="G9" s="47"/>
    </row>
    <row r="10" spans="1:7" s="126" customFormat="1" ht="7.5" customHeight="1">
      <c r="A10" s="159"/>
      <c r="B10" s="677"/>
      <c r="C10" s="676"/>
      <c r="D10" s="676"/>
      <c r="E10" s="676"/>
      <c r="F10" s="676"/>
      <c r="G10" s="676"/>
    </row>
    <row r="11" spans="1:7" s="126" customFormat="1">
      <c r="A11" s="159"/>
      <c r="B11" s="677"/>
      <c r="C11" s="42" t="s">
        <v>169</v>
      </c>
      <c r="D11" s="42"/>
      <c r="E11" s="676"/>
      <c r="F11" s="676"/>
      <c r="G11" s="47"/>
    </row>
    <row r="12" spans="1:7" s="126" customFormat="1">
      <c r="A12" s="159"/>
      <c r="B12" s="677"/>
      <c r="C12" s="8" t="s">
        <v>170</v>
      </c>
      <c r="D12" s="11"/>
      <c r="E12" s="676"/>
      <c r="F12" s="676"/>
      <c r="G12" s="47"/>
    </row>
    <row r="13" spans="1:7" s="126" customFormat="1" ht="10.5" customHeight="1">
      <c r="A13" s="159"/>
      <c r="B13" s="677"/>
      <c r="C13" s="676"/>
      <c r="D13" s="676"/>
      <c r="E13" s="676"/>
      <c r="F13" s="676"/>
      <c r="G13" s="676"/>
    </row>
    <row r="14" spans="1:7" s="126" customFormat="1">
      <c r="A14" s="159"/>
      <c r="B14" s="677"/>
      <c r="C14" s="676"/>
      <c r="D14" s="676"/>
      <c r="E14" s="48" t="s">
        <v>330</v>
      </c>
      <c r="F14" s="48"/>
      <c r="G14" s="47"/>
    </row>
    <row r="15" spans="1:7" s="126" customFormat="1" ht="24.75" customHeight="1">
      <c r="A15" s="159"/>
      <c r="B15" s="677"/>
      <c r="C15" s="676"/>
      <c r="D15" s="676"/>
      <c r="E15" s="49" t="s">
        <v>949</v>
      </c>
      <c r="F15" s="364" t="s">
        <v>581</v>
      </c>
    </row>
    <row r="16" spans="1:7" s="126" customFormat="1" ht="21" customHeight="1">
      <c r="A16" s="159"/>
      <c r="B16" s="677"/>
      <c r="C16" s="676"/>
      <c r="D16" s="676"/>
      <c r="E16" s="49" t="s">
        <v>450</v>
      </c>
      <c r="F16" s="122"/>
    </row>
    <row r="17" spans="1:7" s="126" customFormat="1" ht="21" customHeight="1">
      <c r="A17" s="159"/>
      <c r="B17" s="677"/>
      <c r="C17" s="676"/>
      <c r="D17" s="676"/>
      <c r="E17" s="49" t="s">
        <v>451</v>
      </c>
      <c r="F17" s="122"/>
    </row>
    <row r="18" spans="1:7" s="126" customFormat="1" ht="21" customHeight="1">
      <c r="A18" s="159"/>
      <c r="B18" s="677"/>
      <c r="C18" s="676"/>
      <c r="D18" s="676"/>
      <c r="E18" s="49" t="s">
        <v>331</v>
      </c>
      <c r="F18" s="122"/>
    </row>
    <row r="19" spans="1:7" s="126" customFormat="1" ht="10.5" customHeight="1">
      <c r="A19" s="159"/>
      <c r="B19" s="677"/>
      <c r="D19" s="241"/>
    </row>
    <row r="20" spans="1:7" s="127" customFormat="1">
      <c r="A20" s="162" t="s">
        <v>250</v>
      </c>
      <c r="B20" s="163"/>
      <c r="C20" s="165"/>
      <c r="D20" s="166"/>
      <c r="E20" s="167"/>
      <c r="F20" s="167"/>
      <c r="G20" s="165"/>
    </row>
    <row r="21" spans="1:7" s="127" customFormat="1" ht="10.5" customHeight="1">
      <c r="A21" s="164"/>
      <c r="B21" s="164"/>
      <c r="C21" s="168"/>
      <c r="D21" s="306"/>
      <c r="E21" s="307"/>
      <c r="F21" s="307"/>
      <c r="G21" s="168"/>
    </row>
    <row r="22" spans="1:7" s="127" customFormat="1">
      <c r="A22" s="162"/>
      <c r="B22" s="163" t="s">
        <v>605</v>
      </c>
      <c r="C22" s="165"/>
      <c r="D22" s="166"/>
      <c r="E22" s="167"/>
      <c r="F22" s="167"/>
      <c r="G22" s="165"/>
    </row>
    <row r="23" spans="1:7" s="127" customFormat="1" ht="12.75">
      <c r="A23" s="164"/>
      <c r="B23" s="308" t="s">
        <v>68</v>
      </c>
      <c r="C23" s="168"/>
      <c r="D23" s="306"/>
      <c r="E23" s="307"/>
      <c r="F23" s="307"/>
      <c r="G23" s="168"/>
    </row>
    <row r="24" spans="1:7" s="127" customFormat="1">
      <c r="A24" s="162"/>
      <c r="B24" s="163"/>
      <c r="C24" s="723" t="s">
        <v>606</v>
      </c>
      <c r="D24" s="723"/>
      <c r="E24" s="723"/>
      <c r="F24" s="723"/>
      <c r="G24" s="723"/>
    </row>
    <row r="25" spans="1:7" s="241" customFormat="1" ht="16.5" thickBot="1">
      <c r="A25" s="323"/>
      <c r="B25" s="324"/>
      <c r="C25" s="325"/>
      <c r="D25" s="326" t="s">
        <v>13</v>
      </c>
      <c r="E25" s="327" t="s">
        <v>426</v>
      </c>
      <c r="F25" s="327" t="s">
        <v>427</v>
      </c>
      <c r="G25" s="61" t="s">
        <v>85</v>
      </c>
    </row>
    <row r="26" spans="1:7" s="126" customFormat="1" ht="29.25" thickTop="1">
      <c r="A26" s="170"/>
      <c r="B26" s="171"/>
      <c r="C26" s="172"/>
      <c r="D26" s="346">
        <v>1</v>
      </c>
      <c r="E26" s="328" t="s">
        <v>607</v>
      </c>
      <c r="F26" s="328" t="s">
        <v>608</v>
      </c>
      <c r="G26" s="719" t="s">
        <v>361</v>
      </c>
    </row>
    <row r="27" spans="1:7" s="126" customFormat="1" ht="24">
      <c r="A27" s="164"/>
      <c r="B27" s="164"/>
      <c r="C27" s="168"/>
      <c r="D27" s="169"/>
      <c r="E27" s="39" t="s">
        <v>36</v>
      </c>
      <c r="F27" s="39" t="s">
        <v>37</v>
      </c>
      <c r="G27" s="720"/>
    </row>
    <row r="28" spans="1:7" s="126" customFormat="1">
      <c r="A28" s="170"/>
      <c r="B28" s="171"/>
      <c r="C28" s="172"/>
      <c r="D28" s="173">
        <v>2</v>
      </c>
      <c r="E28" s="70" t="s">
        <v>609</v>
      </c>
      <c r="F28" s="70" t="s">
        <v>610</v>
      </c>
      <c r="G28" s="720" t="s">
        <v>361</v>
      </c>
    </row>
    <row r="29" spans="1:7" s="126" customFormat="1" ht="12.75">
      <c r="A29" s="164"/>
      <c r="B29" s="164"/>
      <c r="C29" s="168"/>
      <c r="D29" s="169"/>
      <c r="E29" s="39" t="s">
        <v>38</v>
      </c>
      <c r="F29" s="39" t="s">
        <v>39</v>
      </c>
      <c r="G29" s="720"/>
    </row>
    <row r="30" spans="1:7" s="126" customFormat="1" ht="57">
      <c r="A30" s="170"/>
      <c r="B30" s="171"/>
      <c r="C30" s="172"/>
      <c r="D30" s="173">
        <v>3</v>
      </c>
      <c r="E30" s="70" t="s">
        <v>611</v>
      </c>
      <c r="F30" s="70" t="s">
        <v>665</v>
      </c>
      <c r="G30" s="720" t="s">
        <v>361</v>
      </c>
    </row>
    <row r="31" spans="1:7" s="126" customFormat="1" ht="48">
      <c r="A31" s="164"/>
      <c r="B31" s="164"/>
      <c r="C31" s="168"/>
      <c r="D31" s="169"/>
      <c r="E31" s="39" t="s">
        <v>40</v>
      </c>
      <c r="F31" s="39" t="s">
        <v>600</v>
      </c>
      <c r="G31" s="720"/>
    </row>
    <row r="32" spans="1:7" s="127" customFormat="1">
      <c r="A32" s="162"/>
      <c r="B32" s="163"/>
      <c r="C32" s="724" t="s">
        <v>171</v>
      </c>
      <c r="D32" s="724"/>
      <c r="E32" s="724"/>
      <c r="F32" s="724"/>
      <c r="G32" s="724"/>
    </row>
    <row r="33" spans="1:7" s="127" customFormat="1" ht="12.75">
      <c r="A33" s="164"/>
      <c r="B33" s="164"/>
      <c r="C33" s="725" t="s">
        <v>64</v>
      </c>
      <c r="D33" s="725"/>
      <c r="E33" s="725"/>
      <c r="F33" s="725"/>
      <c r="G33" s="725"/>
    </row>
    <row r="34" spans="1:7" s="127" customFormat="1">
      <c r="A34" s="162"/>
      <c r="B34" s="163"/>
      <c r="C34" s="724" t="s">
        <v>172</v>
      </c>
      <c r="D34" s="724"/>
      <c r="E34" s="724"/>
      <c r="F34" s="724"/>
      <c r="G34" s="724"/>
    </row>
    <row r="35" spans="1:7" s="127" customFormat="1" ht="24.75" customHeight="1">
      <c r="A35" s="164"/>
      <c r="B35" s="164"/>
      <c r="C35" s="725" t="s">
        <v>63</v>
      </c>
      <c r="D35" s="725"/>
      <c r="E35" s="725"/>
      <c r="F35" s="725"/>
      <c r="G35" s="725"/>
    </row>
    <row r="36" spans="1:7" s="127" customFormat="1">
      <c r="A36" s="162"/>
      <c r="B36" s="163"/>
      <c r="C36" s="726" t="s">
        <v>950</v>
      </c>
      <c r="D36" s="722"/>
      <c r="E36" s="722"/>
      <c r="F36" s="722"/>
      <c r="G36" s="722"/>
    </row>
    <row r="37" spans="1:7" s="127" customFormat="1" ht="12.75">
      <c r="A37" s="164"/>
      <c r="B37" s="164"/>
      <c r="C37" s="721" t="s">
        <v>951</v>
      </c>
      <c r="D37" s="721"/>
      <c r="E37" s="721"/>
      <c r="F37" s="721"/>
      <c r="G37" s="721"/>
    </row>
    <row r="38" spans="1:7" s="127" customFormat="1" ht="10.5" customHeight="1">
      <c r="A38" s="162"/>
      <c r="B38" s="163"/>
      <c r="C38" s="165"/>
      <c r="D38" s="166"/>
      <c r="E38" s="167"/>
      <c r="F38" s="167"/>
      <c r="G38" s="165"/>
    </row>
    <row r="39" spans="1:7" s="127" customFormat="1">
      <c r="A39" s="162"/>
      <c r="B39" s="163" t="s">
        <v>612</v>
      </c>
      <c r="C39" s="165"/>
      <c r="D39" s="166"/>
      <c r="E39" s="167"/>
      <c r="F39" s="167"/>
      <c r="G39" s="165"/>
    </row>
    <row r="40" spans="1:7" s="127" customFormat="1" ht="12.75">
      <c r="A40" s="164"/>
      <c r="B40" s="308" t="s">
        <v>69</v>
      </c>
      <c r="C40" s="168"/>
      <c r="D40" s="306"/>
      <c r="E40" s="307"/>
      <c r="F40" s="307"/>
      <c r="G40" s="168"/>
    </row>
    <row r="41" spans="1:7" s="127" customFormat="1" ht="15.75" customHeight="1">
      <c r="A41" s="162"/>
      <c r="B41" s="163"/>
      <c r="C41" s="723" t="s">
        <v>606</v>
      </c>
      <c r="D41" s="723"/>
      <c r="E41" s="723"/>
      <c r="F41" s="723"/>
      <c r="G41" s="723"/>
    </row>
    <row r="42" spans="1:7" s="241" customFormat="1" ht="16.5" thickBot="1">
      <c r="A42" s="323"/>
      <c r="B42" s="324"/>
      <c r="C42" s="325"/>
      <c r="D42" s="326" t="s">
        <v>13</v>
      </c>
      <c r="E42" s="327" t="s">
        <v>426</v>
      </c>
      <c r="F42" s="327" t="s">
        <v>427</v>
      </c>
      <c r="G42" s="61" t="s">
        <v>85</v>
      </c>
    </row>
    <row r="43" spans="1:7" s="126" customFormat="1" ht="29.25" thickTop="1">
      <c r="A43" s="170"/>
      <c r="B43" s="171"/>
      <c r="C43" s="172"/>
      <c r="D43" s="346">
        <v>1</v>
      </c>
      <c r="E43" s="328" t="s">
        <v>613</v>
      </c>
      <c r="F43" s="328" t="s">
        <v>614</v>
      </c>
      <c r="G43" s="719" t="s">
        <v>361</v>
      </c>
    </row>
    <row r="44" spans="1:7" s="126" customFormat="1" ht="24">
      <c r="A44" s="164"/>
      <c r="B44" s="164"/>
      <c r="C44" s="168"/>
      <c r="D44" s="169"/>
      <c r="E44" s="39" t="s">
        <v>41</v>
      </c>
      <c r="F44" s="39" t="s">
        <v>42</v>
      </c>
      <c r="G44" s="720"/>
    </row>
    <row r="45" spans="1:7" s="126" customFormat="1" ht="103.5" customHeight="1">
      <c r="A45" s="170"/>
      <c r="B45" s="171"/>
      <c r="C45" s="172"/>
      <c r="D45" s="173">
        <v>2</v>
      </c>
      <c r="E45" s="70" t="s">
        <v>332</v>
      </c>
      <c r="F45" s="70" t="s">
        <v>676</v>
      </c>
      <c r="G45" s="720" t="s">
        <v>361</v>
      </c>
    </row>
    <row r="46" spans="1:7" s="126" customFormat="1" ht="84">
      <c r="A46" s="164"/>
      <c r="B46" s="164"/>
      <c r="C46" s="168"/>
      <c r="D46" s="169"/>
      <c r="E46" s="39" t="s">
        <v>43</v>
      </c>
      <c r="F46" s="39" t="s">
        <v>194</v>
      </c>
      <c r="G46" s="720"/>
    </row>
    <row r="47" spans="1:7" s="126" customFormat="1" ht="30" customHeight="1">
      <c r="A47" s="170"/>
      <c r="B47" s="171"/>
      <c r="C47" s="172"/>
      <c r="D47" s="173">
        <v>3</v>
      </c>
      <c r="E47" s="70" t="s">
        <v>333</v>
      </c>
      <c r="F47" s="70" t="s">
        <v>334</v>
      </c>
      <c r="G47" s="720" t="s">
        <v>361</v>
      </c>
    </row>
    <row r="48" spans="1:7" s="126" customFormat="1" ht="25.5" customHeight="1">
      <c r="A48" s="164"/>
      <c r="B48" s="164"/>
      <c r="C48" s="168"/>
      <c r="D48" s="169"/>
      <c r="E48" s="39" t="s">
        <v>44</v>
      </c>
      <c r="F48" s="39" t="s">
        <v>45</v>
      </c>
      <c r="G48" s="720"/>
    </row>
    <row r="49" spans="1:7" s="126" customFormat="1" ht="42.75">
      <c r="A49" s="170"/>
      <c r="B49" s="171"/>
      <c r="C49" s="172"/>
      <c r="D49" s="173">
        <v>4</v>
      </c>
      <c r="E49" s="70" t="s">
        <v>335</v>
      </c>
      <c r="F49" s="70" t="s">
        <v>336</v>
      </c>
      <c r="G49" s="720" t="s">
        <v>361</v>
      </c>
    </row>
    <row r="50" spans="1:7" s="126" customFormat="1" ht="36">
      <c r="A50" s="164"/>
      <c r="B50" s="164"/>
      <c r="C50" s="168"/>
      <c r="D50" s="169"/>
      <c r="E50" s="39" t="s">
        <v>263</v>
      </c>
      <c r="F50" s="39" t="s">
        <v>192</v>
      </c>
      <c r="G50" s="720"/>
    </row>
    <row r="51" spans="1:7" s="127" customFormat="1">
      <c r="A51" s="162"/>
      <c r="B51" s="163"/>
      <c r="C51" s="724" t="s">
        <v>171</v>
      </c>
      <c r="D51" s="724"/>
      <c r="E51" s="724"/>
      <c r="F51" s="724"/>
      <c r="G51" s="724"/>
    </row>
    <row r="52" spans="1:7" s="127" customFormat="1" ht="12.75">
      <c r="A52" s="164"/>
      <c r="B52" s="164"/>
      <c r="C52" s="725" t="s">
        <v>64</v>
      </c>
      <c r="D52" s="725"/>
      <c r="E52" s="725"/>
      <c r="F52" s="725"/>
      <c r="G52" s="725"/>
    </row>
    <row r="53" spans="1:7" s="127" customFormat="1">
      <c r="A53" s="162"/>
      <c r="B53" s="163"/>
      <c r="C53" s="724" t="s">
        <v>172</v>
      </c>
      <c r="D53" s="724"/>
      <c r="E53" s="724"/>
      <c r="F53" s="724"/>
      <c r="G53" s="724"/>
    </row>
    <row r="54" spans="1:7" s="127" customFormat="1" ht="23.25" customHeight="1">
      <c r="A54" s="164"/>
      <c r="B54" s="164"/>
      <c r="C54" s="725" t="s">
        <v>63</v>
      </c>
      <c r="D54" s="725"/>
      <c r="E54" s="725"/>
      <c r="F54" s="725"/>
      <c r="G54" s="725"/>
    </row>
    <row r="55" spans="1:7" s="127" customFormat="1" ht="25.5" customHeight="1">
      <c r="A55" s="164"/>
      <c r="B55" s="164"/>
      <c r="C55" s="724" t="s">
        <v>288</v>
      </c>
      <c r="D55" s="724"/>
      <c r="E55" s="724"/>
      <c r="F55" s="724"/>
      <c r="G55" s="724"/>
    </row>
    <row r="56" spans="1:7" s="127" customFormat="1" ht="25.5" customHeight="1">
      <c r="A56" s="164"/>
      <c r="B56" s="164"/>
      <c r="C56" s="725" t="s">
        <v>258</v>
      </c>
      <c r="D56" s="725"/>
      <c r="E56" s="725"/>
      <c r="F56" s="725"/>
      <c r="G56" s="725"/>
    </row>
    <row r="57" spans="1:7" s="127" customFormat="1" ht="21" customHeight="1">
      <c r="A57" s="162"/>
      <c r="B57" s="163"/>
      <c r="C57" s="722" t="s">
        <v>591</v>
      </c>
      <c r="D57" s="722"/>
      <c r="E57" s="722"/>
      <c r="F57" s="722"/>
      <c r="G57" s="722"/>
    </row>
    <row r="58" spans="1:7" s="127" customFormat="1" ht="12.75" customHeight="1">
      <c r="A58" s="164"/>
      <c r="B58" s="164"/>
      <c r="C58" s="721" t="s">
        <v>173</v>
      </c>
      <c r="D58" s="721"/>
      <c r="E58" s="721"/>
      <c r="F58" s="721"/>
      <c r="G58" s="721"/>
    </row>
    <row r="59" spans="1:7" s="127" customFormat="1" ht="12.75">
      <c r="A59" s="164"/>
      <c r="B59" s="164"/>
      <c r="C59" s="336"/>
      <c r="D59" s="336"/>
      <c r="E59" s="336"/>
      <c r="F59" s="336"/>
      <c r="G59" s="336"/>
    </row>
    <row r="60" spans="1:7" s="127" customFormat="1" ht="12.75">
      <c r="A60" s="164"/>
      <c r="B60" s="164"/>
      <c r="C60" s="336"/>
      <c r="D60" s="336"/>
      <c r="E60" s="336"/>
      <c r="F60" s="336"/>
      <c r="G60" s="336"/>
    </row>
    <row r="61" spans="1:7" s="127" customFormat="1" ht="12.75">
      <c r="A61" s="718" t="s">
        <v>582</v>
      </c>
      <c r="B61" s="718"/>
      <c r="C61" s="718"/>
      <c r="D61" s="718"/>
      <c r="E61" s="718"/>
      <c r="F61" s="718"/>
      <c r="G61" s="718"/>
    </row>
    <row r="62" spans="1:7" s="127" customFormat="1" ht="12.75">
      <c r="A62" s="164"/>
      <c r="B62" s="164"/>
      <c r="C62" s="336"/>
      <c r="D62" s="336"/>
      <c r="E62" s="336"/>
      <c r="F62" s="336"/>
      <c r="G62" s="336"/>
    </row>
    <row r="63" spans="1:7" s="127" customFormat="1" ht="12.75">
      <c r="A63" s="164"/>
      <c r="B63" s="164"/>
      <c r="C63" s="336"/>
      <c r="D63" s="336"/>
      <c r="E63" s="336"/>
      <c r="F63" s="336"/>
      <c r="G63" s="336"/>
    </row>
    <row r="64" spans="1:7" s="127" customFormat="1" ht="12.75">
      <c r="A64" s="164"/>
      <c r="B64" s="164"/>
      <c r="C64" s="336"/>
      <c r="D64" s="336"/>
      <c r="E64" s="336"/>
      <c r="F64" s="336"/>
      <c r="G64" s="336"/>
    </row>
    <row r="65" spans="1:7" s="127" customFormat="1" ht="12.75">
      <c r="A65" s="164"/>
      <c r="B65" s="164"/>
      <c r="C65" s="336"/>
      <c r="D65" s="336"/>
      <c r="E65" s="336"/>
      <c r="F65" s="336"/>
      <c r="G65" s="336"/>
    </row>
    <row r="66" spans="1:7">
      <c r="E66" s="157"/>
    </row>
    <row r="67" spans="1:7" s="51" customFormat="1" ht="12.75">
      <c r="A67" s="10"/>
      <c r="B67" s="10"/>
      <c r="C67" s="1"/>
      <c r="D67" s="2"/>
      <c r="E67" s="157"/>
      <c r="F67" s="3"/>
      <c r="G67" s="1"/>
    </row>
  </sheetData>
  <sheetProtection algorithmName="SHA-512" hashValue="IeEcU4/ydwAlUAQMragDnWvJraE7psfTsa8fJPcKk+dW/Zncc1j/tk2WL3gt2tlYIAE3BAW0ie7EhQaA93RTtw==" saltValue="OhBlEEefbVkh1VIyE0G9ZQ==" spinCount="100000" sheet="1" selectLockedCells="1"/>
  <mergeCells count="24">
    <mergeCell ref="C55:G55"/>
    <mergeCell ref="C56:G56"/>
    <mergeCell ref="C32:G32"/>
    <mergeCell ref="C33:G33"/>
    <mergeCell ref="G45:G46"/>
    <mergeCell ref="G49:G50"/>
    <mergeCell ref="C34:G34"/>
    <mergeCell ref="C35:G35"/>
    <mergeCell ref="A61:G61"/>
    <mergeCell ref="G43:G44"/>
    <mergeCell ref="C58:G58"/>
    <mergeCell ref="C57:G57"/>
    <mergeCell ref="C24:G24"/>
    <mergeCell ref="C51:G51"/>
    <mergeCell ref="C52:G52"/>
    <mergeCell ref="C53:G53"/>
    <mergeCell ref="C54:G54"/>
    <mergeCell ref="C36:G36"/>
    <mergeCell ref="C37:G37"/>
    <mergeCell ref="C41:G41"/>
    <mergeCell ref="G30:G31"/>
    <mergeCell ref="G28:G29"/>
    <mergeCell ref="G26:G27"/>
    <mergeCell ref="G47:G48"/>
  </mergeCells>
  <phoneticPr fontId="7"/>
  <conditionalFormatting sqref="G26">
    <cfRule type="cellIs" dxfId="191" priority="19" operator="equal">
      <formula>"Not Applicable"</formula>
    </cfRule>
  </conditionalFormatting>
  <conditionalFormatting sqref="G43">
    <cfRule type="cellIs" dxfId="190" priority="22" operator="equal">
      <formula>"Not Applicable"</formula>
    </cfRule>
  </conditionalFormatting>
  <conditionalFormatting sqref="G28">
    <cfRule type="cellIs" dxfId="189" priority="7" operator="equal">
      <formula>"Not Applicable"</formula>
    </cfRule>
  </conditionalFormatting>
  <conditionalFormatting sqref="G30">
    <cfRule type="cellIs" dxfId="188" priority="6" operator="equal">
      <formula>"Not Applicable"</formula>
    </cfRule>
  </conditionalFormatting>
  <conditionalFormatting sqref="G45">
    <cfRule type="cellIs" dxfId="187" priority="5" operator="equal">
      <formula>"Not Applicable"</formula>
    </cfRule>
  </conditionalFormatting>
  <conditionalFormatting sqref="G47">
    <cfRule type="cellIs" dxfId="186" priority="4" operator="equal">
      <formula>"Not Applicable"</formula>
    </cfRule>
  </conditionalFormatting>
  <conditionalFormatting sqref="G49">
    <cfRule type="cellIs" dxfId="185" priority="3" operator="equal">
      <formula>"Not Applicable"</formula>
    </cfRule>
  </conditionalFormatting>
  <dataValidations count="1">
    <dataValidation type="list" showInputMessage="1" showErrorMessage="1" promptTitle="入力内容" prompt="判定基準を満たす： Applicable_x000a_満たさない： Not Applicable" sqref="G26:G31 G43:G50" xr:uid="{00000000-0002-0000-0100-000000000000}">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60" orientation="portrait" r:id="rId1"/>
  <headerFooter>
    <oddFooter>&amp;LA. RoHS&amp;RV.15.0 (revised on Oct. 2023)</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00B0F0"/>
  </sheetPr>
  <dimension ref="A1:G154"/>
  <sheetViews>
    <sheetView showGridLines="0" view="pageBreakPreview" zoomScale="90" zoomScaleNormal="100" zoomScaleSheetLayoutView="90" workbookViewId="0">
      <selection activeCell="G8" sqref="G8:G9"/>
    </sheetView>
  </sheetViews>
  <sheetFormatPr defaultColWidth="0.7109375" defaultRowHeight="15.75"/>
  <cols>
    <col min="1" max="1" width="1.42578125" style="45" customWidth="1"/>
    <col min="2" max="2" width="1.42578125" style="43" customWidth="1"/>
    <col min="3" max="3" width="0.7109375" style="41" customWidth="1"/>
    <col min="4" max="4" width="4.7109375" style="62" bestFit="1" customWidth="1"/>
    <col min="5" max="5" width="57" style="41" customWidth="1"/>
    <col min="6" max="6" width="77.5703125" style="41" customWidth="1"/>
    <col min="7" max="7" width="19.140625" style="41" customWidth="1"/>
    <col min="8" max="8" width="7.140625" style="41" customWidth="1"/>
    <col min="9" max="16384" width="0.7109375" style="41"/>
  </cols>
  <sheetData>
    <row r="1" spans="1:7" ht="11.25" customHeight="1">
      <c r="G1" s="9" t="str">
        <f>A.RoHS!G1</f>
        <v xml:space="preserve"> </v>
      </c>
    </row>
    <row r="2" spans="1:7" s="51" customFormat="1">
      <c r="A2" s="50" t="s">
        <v>562</v>
      </c>
      <c r="B2" s="52"/>
      <c r="C2" s="53"/>
      <c r="D2" s="54"/>
      <c r="E2" s="55"/>
      <c r="F2" s="55"/>
      <c r="G2" s="53"/>
    </row>
    <row r="3" spans="1:7" s="51" customFormat="1" ht="5.25" customHeight="1">
      <c r="A3" s="10"/>
      <c r="B3" s="10"/>
      <c r="C3" s="1"/>
      <c r="D3" s="2"/>
      <c r="E3" s="3"/>
      <c r="F3" s="3"/>
      <c r="G3" s="1"/>
    </row>
    <row r="4" spans="1:7" s="51" customFormat="1">
      <c r="A4" s="50"/>
      <c r="B4" s="52" t="s">
        <v>91</v>
      </c>
      <c r="C4" s="53"/>
      <c r="D4" s="54"/>
      <c r="E4" s="55"/>
      <c r="F4" s="55"/>
      <c r="G4" s="53"/>
    </row>
    <row r="5" spans="1:7" s="51" customFormat="1" ht="12.75">
      <c r="A5" s="10"/>
      <c r="B5" s="13" t="s">
        <v>68</v>
      </c>
      <c r="C5" s="1"/>
      <c r="D5" s="2"/>
      <c r="E5" s="3"/>
      <c r="F5" s="3"/>
      <c r="G5" s="1"/>
    </row>
    <row r="6" spans="1:7" s="51" customFormat="1">
      <c r="A6" s="50"/>
      <c r="B6" s="52"/>
      <c r="C6" s="731" t="s">
        <v>226</v>
      </c>
      <c r="D6" s="731"/>
      <c r="E6" s="731"/>
      <c r="F6" s="731"/>
      <c r="G6" s="731"/>
    </row>
    <row r="7" spans="1:7" s="62" customFormat="1" ht="16.5" thickBot="1">
      <c r="A7" s="56"/>
      <c r="B7" s="57"/>
      <c r="C7" s="58"/>
      <c r="D7" s="59" t="s">
        <v>13</v>
      </c>
      <c r="E7" s="60" t="s">
        <v>227</v>
      </c>
      <c r="F7" s="60" t="s">
        <v>228</v>
      </c>
      <c r="G7" s="61" t="s">
        <v>85</v>
      </c>
    </row>
    <row r="8" spans="1:7" ht="16.5" thickTop="1">
      <c r="A8" s="63"/>
      <c r="B8" s="64"/>
      <c r="C8" s="65"/>
      <c r="D8" s="66">
        <v>1</v>
      </c>
      <c r="E8" s="67" t="s">
        <v>563</v>
      </c>
      <c r="F8" s="67" t="s">
        <v>320</v>
      </c>
      <c r="G8" s="719" t="s">
        <v>361</v>
      </c>
    </row>
    <row r="9" spans="1:7" ht="12.75" customHeight="1">
      <c r="A9" s="10"/>
      <c r="B9" s="10"/>
      <c r="C9" s="1"/>
      <c r="D9" s="4"/>
      <c r="E9" s="5" t="s">
        <v>46</v>
      </c>
      <c r="F9" s="39" t="s">
        <v>387</v>
      </c>
      <c r="G9" s="720"/>
    </row>
    <row r="10" spans="1:7" ht="15.75" customHeight="1">
      <c r="A10" s="63"/>
      <c r="B10" s="64"/>
      <c r="C10" s="65"/>
      <c r="D10" s="68">
        <v>2</v>
      </c>
      <c r="E10" s="69" t="s">
        <v>564</v>
      </c>
      <c r="F10" s="70" t="s">
        <v>230</v>
      </c>
      <c r="G10" s="720" t="s">
        <v>361</v>
      </c>
    </row>
    <row r="11" spans="1:7" ht="12.75" customHeight="1">
      <c r="A11" s="10"/>
      <c r="B11" s="10"/>
      <c r="C11" s="1"/>
      <c r="D11" s="4"/>
      <c r="E11" s="5" t="s">
        <v>47</v>
      </c>
      <c r="F11" s="39" t="s">
        <v>387</v>
      </c>
      <c r="G11" s="720"/>
    </row>
    <row r="12" spans="1:7">
      <c r="A12" s="63"/>
      <c r="B12" s="64"/>
      <c r="C12" s="65"/>
      <c r="D12" s="68">
        <v>3</v>
      </c>
      <c r="E12" s="69" t="s">
        <v>565</v>
      </c>
      <c r="F12" s="70" t="s">
        <v>231</v>
      </c>
      <c r="G12" s="720" t="s">
        <v>361</v>
      </c>
    </row>
    <row r="13" spans="1:7" ht="12.75">
      <c r="A13" s="10"/>
      <c r="B13" s="10"/>
      <c r="C13" s="1"/>
      <c r="D13" s="4"/>
      <c r="E13" s="5" t="s">
        <v>35</v>
      </c>
      <c r="F13" s="39" t="s">
        <v>48</v>
      </c>
      <c r="G13" s="720"/>
    </row>
    <row r="14" spans="1:7" ht="15.75" customHeight="1">
      <c r="A14" s="63"/>
      <c r="B14" s="64"/>
      <c r="C14" s="65"/>
      <c r="D14" s="68">
        <v>4</v>
      </c>
      <c r="E14" s="70" t="s">
        <v>566</v>
      </c>
      <c r="F14" s="70" t="s">
        <v>389</v>
      </c>
      <c r="G14" s="720" t="s">
        <v>361</v>
      </c>
    </row>
    <row r="15" spans="1:7" ht="12.75" customHeight="1">
      <c r="A15" s="10"/>
      <c r="B15" s="10"/>
      <c r="C15" s="1"/>
      <c r="D15" s="4"/>
      <c r="E15" s="5" t="s">
        <v>94</v>
      </c>
      <c r="F15" s="39" t="s">
        <v>95</v>
      </c>
      <c r="G15" s="720"/>
    </row>
    <row r="16" spans="1:7" s="126" customFormat="1" ht="15.75" customHeight="1">
      <c r="A16" s="170"/>
      <c r="B16" s="171"/>
      <c r="C16" s="172"/>
      <c r="D16" s="173">
        <v>5</v>
      </c>
      <c r="E16" s="70" t="s">
        <v>659</v>
      </c>
      <c r="F16" s="70" t="s">
        <v>666</v>
      </c>
      <c r="G16" s="720" t="s">
        <v>361</v>
      </c>
    </row>
    <row r="17" spans="1:7" s="126" customFormat="1" ht="15.75" customHeight="1">
      <c r="A17" s="164"/>
      <c r="B17" s="164"/>
      <c r="C17" s="168"/>
      <c r="D17" s="169"/>
      <c r="E17" s="39" t="s">
        <v>590</v>
      </c>
      <c r="F17" s="39" t="s">
        <v>599</v>
      </c>
      <c r="G17" s="720"/>
    </row>
    <row r="18" spans="1:7" ht="15.75" customHeight="1">
      <c r="A18" s="63"/>
      <c r="B18" s="64"/>
      <c r="C18" s="65"/>
      <c r="D18" s="68">
        <v>6</v>
      </c>
      <c r="E18" s="69" t="s">
        <v>321</v>
      </c>
      <c r="F18" s="70" t="s">
        <v>231</v>
      </c>
      <c r="G18" s="720" t="s">
        <v>361</v>
      </c>
    </row>
    <row r="19" spans="1:7" ht="12.75">
      <c r="A19" s="10"/>
      <c r="B19" s="10"/>
      <c r="C19" s="1"/>
      <c r="D19" s="4"/>
      <c r="E19" s="5" t="s">
        <v>49</v>
      </c>
      <c r="F19" s="39" t="s">
        <v>48</v>
      </c>
      <c r="G19" s="720"/>
    </row>
    <row r="20" spans="1:7" ht="15.75" customHeight="1">
      <c r="A20" s="63"/>
      <c r="B20" s="64"/>
      <c r="C20" s="65"/>
      <c r="D20" s="68">
        <v>7</v>
      </c>
      <c r="E20" s="69" t="s">
        <v>322</v>
      </c>
      <c r="F20" s="70" t="s">
        <v>390</v>
      </c>
      <c r="G20" s="720" t="s">
        <v>361</v>
      </c>
    </row>
    <row r="21" spans="1:7" ht="12.75" customHeight="1">
      <c r="A21" s="10"/>
      <c r="B21" s="10"/>
      <c r="C21" s="1"/>
      <c r="D21" s="4"/>
      <c r="E21" s="5" t="s">
        <v>50</v>
      </c>
      <c r="F21" s="39" t="s">
        <v>391</v>
      </c>
      <c r="G21" s="720"/>
    </row>
    <row r="22" spans="1:7" ht="27.75">
      <c r="A22" s="63"/>
      <c r="B22" s="64"/>
      <c r="C22" s="65"/>
      <c r="D22" s="68">
        <v>8</v>
      </c>
      <c r="E22" s="69" t="s">
        <v>567</v>
      </c>
      <c r="F22" s="70" t="s">
        <v>231</v>
      </c>
      <c r="G22" s="720" t="s">
        <v>361</v>
      </c>
    </row>
    <row r="23" spans="1:7" ht="12.75">
      <c r="A23" s="10"/>
      <c r="B23" s="10"/>
      <c r="C23" s="1"/>
      <c r="D23" s="4"/>
      <c r="E23" s="5" t="s">
        <v>103</v>
      </c>
      <c r="F23" s="39" t="s">
        <v>48</v>
      </c>
      <c r="G23" s="720"/>
    </row>
    <row r="24" spans="1:7" s="126" customFormat="1" ht="15.75" customHeight="1">
      <c r="A24" s="170"/>
      <c r="B24" s="171"/>
      <c r="C24" s="172"/>
      <c r="D24" s="173">
        <v>9</v>
      </c>
      <c r="E24" s="70" t="s">
        <v>442</v>
      </c>
      <c r="F24" s="70" t="s">
        <v>568</v>
      </c>
      <c r="G24" s="720" t="s">
        <v>361</v>
      </c>
    </row>
    <row r="25" spans="1:7" s="126" customFormat="1" ht="12.75" customHeight="1">
      <c r="A25" s="164"/>
      <c r="B25" s="164"/>
      <c r="C25" s="168"/>
      <c r="D25" s="169"/>
      <c r="E25" s="39" t="s">
        <v>82</v>
      </c>
      <c r="F25" s="39" t="s">
        <v>392</v>
      </c>
      <c r="G25" s="720"/>
    </row>
    <row r="26" spans="1:7" s="126" customFormat="1" ht="15.75" customHeight="1">
      <c r="A26" s="170"/>
      <c r="B26" s="171"/>
      <c r="C26" s="172"/>
      <c r="D26" s="173">
        <v>10</v>
      </c>
      <c r="E26" s="70" t="s">
        <v>443</v>
      </c>
      <c r="F26" s="70" t="s">
        <v>230</v>
      </c>
      <c r="G26" s="720" t="s">
        <v>361</v>
      </c>
    </row>
    <row r="27" spans="1:7" s="126" customFormat="1" ht="12.75" customHeight="1">
      <c r="A27" s="164"/>
      <c r="B27" s="164"/>
      <c r="C27" s="168"/>
      <c r="D27" s="169"/>
      <c r="E27" s="39" t="s">
        <v>51</v>
      </c>
      <c r="F27" s="39" t="s">
        <v>387</v>
      </c>
      <c r="G27" s="720"/>
    </row>
    <row r="28" spans="1:7" s="126" customFormat="1" ht="15.75" customHeight="1">
      <c r="A28" s="170"/>
      <c r="B28" s="171"/>
      <c r="C28" s="172"/>
      <c r="D28" s="173">
        <v>11</v>
      </c>
      <c r="E28" s="70" t="s">
        <v>323</v>
      </c>
      <c r="F28" s="70" t="s">
        <v>569</v>
      </c>
      <c r="G28" s="720" t="s">
        <v>361</v>
      </c>
    </row>
    <row r="29" spans="1:7" s="126" customFormat="1" ht="12.75" customHeight="1">
      <c r="A29" s="164"/>
      <c r="B29" s="164"/>
      <c r="C29" s="168"/>
      <c r="D29" s="169"/>
      <c r="E29" s="39" t="s">
        <v>52</v>
      </c>
      <c r="F29" s="39" t="s">
        <v>393</v>
      </c>
      <c r="G29" s="720"/>
    </row>
    <row r="30" spans="1:7" s="126" customFormat="1" ht="15.75" customHeight="1">
      <c r="A30" s="170"/>
      <c r="B30" s="171"/>
      <c r="C30" s="172"/>
      <c r="D30" s="173">
        <v>12</v>
      </c>
      <c r="E30" s="70" t="s">
        <v>324</v>
      </c>
      <c r="F30" s="70" t="s">
        <v>231</v>
      </c>
      <c r="G30" s="720" t="s">
        <v>361</v>
      </c>
    </row>
    <row r="31" spans="1:7" s="126" customFormat="1" ht="12.75" customHeight="1">
      <c r="A31" s="164"/>
      <c r="B31" s="164"/>
      <c r="C31" s="168"/>
      <c r="D31" s="169"/>
      <c r="E31" s="39" t="s">
        <v>53</v>
      </c>
      <c r="F31" s="39" t="s">
        <v>48</v>
      </c>
      <c r="G31" s="720"/>
    </row>
    <row r="32" spans="1:7" s="126" customFormat="1">
      <c r="A32" s="170"/>
      <c r="B32" s="171"/>
      <c r="C32" s="172"/>
      <c r="D32" s="173">
        <v>13</v>
      </c>
      <c r="E32" s="70" t="s">
        <v>570</v>
      </c>
      <c r="F32" s="70" t="s">
        <v>231</v>
      </c>
      <c r="G32" s="720" t="s">
        <v>361</v>
      </c>
    </row>
    <row r="33" spans="1:7" s="126" customFormat="1" ht="12.75">
      <c r="A33" s="164"/>
      <c r="B33" s="164"/>
      <c r="C33" s="168"/>
      <c r="D33" s="169"/>
      <c r="E33" s="39" t="s">
        <v>54</v>
      </c>
      <c r="F33" s="39" t="s">
        <v>48</v>
      </c>
      <c r="G33" s="720"/>
    </row>
    <row r="34" spans="1:7" s="126" customFormat="1" ht="15.75" customHeight="1">
      <c r="A34" s="170"/>
      <c r="B34" s="171"/>
      <c r="C34" s="172"/>
      <c r="D34" s="173">
        <v>14</v>
      </c>
      <c r="E34" s="70" t="s">
        <v>232</v>
      </c>
      <c r="F34" s="70" t="s">
        <v>233</v>
      </c>
      <c r="G34" s="720" t="s">
        <v>361</v>
      </c>
    </row>
    <row r="35" spans="1:7" s="126" customFormat="1" ht="12.75" customHeight="1">
      <c r="A35" s="164"/>
      <c r="B35" s="164"/>
      <c r="C35" s="168"/>
      <c r="D35" s="169"/>
      <c r="E35" s="39" t="s">
        <v>55</v>
      </c>
      <c r="F35" s="39" t="s">
        <v>56</v>
      </c>
      <c r="G35" s="720"/>
    </row>
    <row r="36" spans="1:7" s="126" customFormat="1" ht="15.75" customHeight="1">
      <c r="A36" s="170"/>
      <c r="B36" s="171"/>
      <c r="C36" s="172"/>
      <c r="D36" s="173">
        <v>15</v>
      </c>
      <c r="E36" s="70" t="s">
        <v>337</v>
      </c>
      <c r="F36" s="70" t="s">
        <v>338</v>
      </c>
      <c r="G36" s="720" t="s">
        <v>361</v>
      </c>
    </row>
    <row r="37" spans="1:7" s="126" customFormat="1" ht="12.75" customHeight="1">
      <c r="A37" s="164"/>
      <c r="B37" s="164"/>
      <c r="C37" s="168"/>
      <c r="D37" s="169"/>
      <c r="E37" s="39" t="s">
        <v>293</v>
      </c>
      <c r="F37" s="39" t="s">
        <v>301</v>
      </c>
      <c r="G37" s="720"/>
    </row>
    <row r="38" spans="1:7" s="126" customFormat="1" ht="75" customHeight="1">
      <c r="A38" s="170"/>
      <c r="B38" s="171"/>
      <c r="C38" s="172"/>
      <c r="D38" s="173">
        <v>16</v>
      </c>
      <c r="E38" s="70" t="s">
        <v>571</v>
      </c>
      <c r="F38" s="70" t="s">
        <v>394</v>
      </c>
      <c r="G38" s="720" t="s">
        <v>361</v>
      </c>
    </row>
    <row r="39" spans="1:7" s="126" customFormat="1" ht="63" customHeight="1">
      <c r="A39" s="164"/>
      <c r="B39" s="164"/>
      <c r="C39" s="168"/>
      <c r="D39" s="169"/>
      <c r="E39" s="39" t="s">
        <v>366</v>
      </c>
      <c r="F39" s="39" t="s">
        <v>386</v>
      </c>
      <c r="G39" s="720"/>
    </row>
    <row r="40" spans="1:7" s="126" customFormat="1" ht="73.5" customHeight="1">
      <c r="A40" s="170"/>
      <c r="B40" s="171"/>
      <c r="C40" s="172"/>
      <c r="D40" s="298">
        <v>17</v>
      </c>
      <c r="E40" s="299" t="s">
        <v>601</v>
      </c>
      <c r="F40" s="299" t="s">
        <v>395</v>
      </c>
      <c r="G40" s="720" t="s">
        <v>361</v>
      </c>
    </row>
    <row r="41" spans="1:7" s="126" customFormat="1" ht="65.25" customHeight="1">
      <c r="A41" s="164"/>
      <c r="B41" s="164"/>
      <c r="C41" s="168"/>
      <c r="D41" s="300"/>
      <c r="E41" s="301" t="s">
        <v>677</v>
      </c>
      <c r="F41" s="301" t="s">
        <v>454</v>
      </c>
      <c r="G41" s="720"/>
    </row>
    <row r="42" spans="1:7" s="126" customFormat="1">
      <c r="A42" s="170"/>
      <c r="B42" s="171"/>
      <c r="C42" s="172"/>
      <c r="D42" s="173">
        <v>18</v>
      </c>
      <c r="E42" s="70" t="s">
        <v>615</v>
      </c>
      <c r="F42" s="328" t="s">
        <v>340</v>
      </c>
      <c r="G42" s="720" t="s">
        <v>361</v>
      </c>
    </row>
    <row r="43" spans="1:7" s="126" customFormat="1" ht="15" customHeight="1">
      <c r="A43" s="164"/>
      <c r="B43" s="164"/>
      <c r="C43" s="168"/>
      <c r="D43" s="169"/>
      <c r="E43" s="39" t="s">
        <v>456</v>
      </c>
      <c r="F43" s="39" t="s">
        <v>48</v>
      </c>
      <c r="G43" s="720"/>
    </row>
    <row r="44" spans="1:7" s="126" customFormat="1" ht="45.75" customHeight="1" collapsed="1">
      <c r="A44" s="170"/>
      <c r="B44" s="171"/>
      <c r="C44" s="172"/>
      <c r="D44" s="173">
        <v>19</v>
      </c>
      <c r="E44" s="328" t="s">
        <v>616</v>
      </c>
      <c r="F44" s="328" t="s">
        <v>909</v>
      </c>
      <c r="G44" s="720" t="s">
        <v>361</v>
      </c>
    </row>
    <row r="45" spans="1:7" s="126" customFormat="1" ht="39" customHeight="1">
      <c r="A45" s="164"/>
      <c r="B45" s="164"/>
      <c r="C45" s="168"/>
      <c r="D45" s="169"/>
      <c r="E45" s="39" t="s">
        <v>617</v>
      </c>
      <c r="F45" s="39" t="s">
        <v>906</v>
      </c>
      <c r="G45" s="720"/>
    </row>
    <row r="46" spans="1:7" s="126" customFormat="1" ht="45.75" customHeight="1">
      <c r="A46" s="170"/>
      <c r="B46" s="171"/>
      <c r="C46" s="172"/>
      <c r="D46" s="173">
        <v>20</v>
      </c>
      <c r="E46" s="328" t="s">
        <v>618</v>
      </c>
      <c r="F46" s="328" t="s">
        <v>910</v>
      </c>
      <c r="G46" s="720" t="s">
        <v>361</v>
      </c>
    </row>
    <row r="47" spans="1:7" s="126" customFormat="1" ht="39" customHeight="1">
      <c r="A47" s="164"/>
      <c r="B47" s="164"/>
      <c r="C47" s="168"/>
      <c r="D47" s="169"/>
      <c r="E47" s="39" t="s">
        <v>619</v>
      </c>
      <c r="F47" s="39" t="s">
        <v>907</v>
      </c>
      <c r="G47" s="720"/>
    </row>
    <row r="48" spans="1:7" s="126" customFormat="1" ht="45.75" customHeight="1">
      <c r="A48" s="170"/>
      <c r="B48" s="171"/>
      <c r="C48" s="172"/>
      <c r="D48" s="173">
        <v>21</v>
      </c>
      <c r="E48" s="328" t="s">
        <v>660</v>
      </c>
      <c r="F48" s="328" t="s">
        <v>911</v>
      </c>
      <c r="G48" s="720" t="s">
        <v>361</v>
      </c>
    </row>
    <row r="49" spans="1:7" s="126" customFormat="1" ht="39" customHeight="1">
      <c r="A49" s="164"/>
      <c r="B49" s="164"/>
      <c r="C49" s="168"/>
      <c r="D49" s="169"/>
      <c r="E49" s="39" t="s">
        <v>913</v>
      </c>
      <c r="F49" s="39" t="s">
        <v>908</v>
      </c>
      <c r="G49" s="720"/>
    </row>
    <row r="50" spans="1:7" s="127" customFormat="1">
      <c r="A50" s="162"/>
      <c r="B50" s="163"/>
      <c r="C50" s="724" t="s">
        <v>171</v>
      </c>
      <c r="D50" s="724"/>
      <c r="E50" s="724"/>
      <c r="F50" s="724"/>
      <c r="G50" s="724"/>
    </row>
    <row r="51" spans="1:7" s="127" customFormat="1" ht="12.75">
      <c r="A51" s="164"/>
      <c r="B51" s="164"/>
      <c r="C51" s="725" t="s">
        <v>64</v>
      </c>
      <c r="D51" s="725"/>
      <c r="E51" s="725"/>
      <c r="F51" s="725"/>
      <c r="G51" s="725"/>
    </row>
    <row r="52" spans="1:7" s="127" customFormat="1" ht="16.5">
      <c r="A52" s="162"/>
      <c r="B52" s="163"/>
      <c r="C52" s="732" t="s">
        <v>950</v>
      </c>
      <c r="D52" s="733"/>
      <c r="E52" s="733"/>
      <c r="F52" s="733"/>
      <c r="G52" s="733"/>
    </row>
    <row r="53" spans="1:7" s="127" customFormat="1" ht="12.75" customHeight="1">
      <c r="A53" s="164"/>
      <c r="B53" s="164"/>
      <c r="C53" s="721" t="s">
        <v>951</v>
      </c>
      <c r="D53" s="721"/>
      <c r="E53" s="721"/>
      <c r="F53" s="721"/>
      <c r="G53" s="721"/>
    </row>
    <row r="54" spans="1:7" s="51" customFormat="1" ht="17.25" customHeight="1">
      <c r="A54" s="10"/>
      <c r="B54" s="10"/>
      <c r="C54" s="1"/>
      <c r="D54" s="2"/>
      <c r="E54" s="3"/>
      <c r="F54" s="3"/>
      <c r="G54" s="1"/>
    </row>
    <row r="55" spans="1:7" s="51" customFormat="1">
      <c r="A55" s="50"/>
      <c r="B55" s="52" t="s">
        <v>92</v>
      </c>
      <c r="C55" s="53"/>
      <c r="D55" s="54"/>
      <c r="E55" s="55"/>
      <c r="F55" s="55"/>
      <c r="G55" s="53"/>
    </row>
    <row r="56" spans="1:7" s="51" customFormat="1" ht="12.75">
      <c r="A56" s="10"/>
      <c r="B56" s="13" t="s">
        <v>69</v>
      </c>
      <c r="C56" s="1"/>
      <c r="D56" s="2"/>
      <c r="E56" s="3"/>
      <c r="F56" s="3"/>
      <c r="G56" s="1"/>
    </row>
    <row r="57" spans="1:7" s="51" customFormat="1">
      <c r="A57" s="50"/>
      <c r="B57" s="52"/>
      <c r="C57" s="731" t="s">
        <v>226</v>
      </c>
      <c r="D57" s="731"/>
      <c r="E57" s="731"/>
      <c r="F57" s="731"/>
      <c r="G57" s="731"/>
    </row>
    <row r="58" spans="1:7" s="62" customFormat="1" ht="16.5" thickBot="1">
      <c r="A58" s="56"/>
      <c r="B58" s="57"/>
      <c r="C58" s="58"/>
      <c r="D58" s="59" t="s">
        <v>13</v>
      </c>
      <c r="E58" s="60" t="s">
        <v>227</v>
      </c>
      <c r="F58" s="60" t="s">
        <v>228</v>
      </c>
      <c r="G58" s="61" t="s">
        <v>85</v>
      </c>
    </row>
    <row r="59" spans="1:7" ht="16.5" thickTop="1">
      <c r="A59" s="63"/>
      <c r="B59" s="64"/>
      <c r="C59" s="65"/>
      <c r="D59" s="66">
        <v>1</v>
      </c>
      <c r="E59" s="67" t="s">
        <v>444</v>
      </c>
      <c r="F59" s="67" t="s">
        <v>320</v>
      </c>
      <c r="G59" s="719" t="s">
        <v>361</v>
      </c>
    </row>
    <row r="60" spans="1:7" ht="12.75" customHeight="1">
      <c r="A60" s="10"/>
      <c r="B60" s="10"/>
      <c r="C60" s="1"/>
      <c r="D60" s="4"/>
      <c r="E60" s="5" t="s">
        <v>2</v>
      </c>
      <c r="F60" s="39" t="s">
        <v>388</v>
      </c>
      <c r="G60" s="720"/>
    </row>
    <row r="61" spans="1:7" ht="15.75" customHeight="1">
      <c r="A61" s="63"/>
      <c r="B61" s="64"/>
      <c r="C61" s="65"/>
      <c r="D61" s="68">
        <v>2</v>
      </c>
      <c r="E61" s="69" t="s">
        <v>572</v>
      </c>
      <c r="F61" s="69" t="s">
        <v>229</v>
      </c>
      <c r="G61" s="720" t="s">
        <v>361</v>
      </c>
    </row>
    <row r="62" spans="1:7" ht="12.75" customHeight="1">
      <c r="A62" s="10"/>
      <c r="B62" s="10"/>
      <c r="C62" s="1"/>
      <c r="D62" s="4"/>
      <c r="E62" s="5" t="s">
        <v>3</v>
      </c>
      <c r="F62" s="5" t="s">
        <v>48</v>
      </c>
      <c r="G62" s="720"/>
    </row>
    <row r="63" spans="1:7" ht="15.75" customHeight="1">
      <c r="A63" s="63"/>
      <c r="B63" s="64"/>
      <c r="C63" s="65"/>
      <c r="D63" s="68">
        <v>3</v>
      </c>
      <c r="E63" s="69" t="s">
        <v>573</v>
      </c>
      <c r="F63" s="69" t="s">
        <v>229</v>
      </c>
      <c r="G63" s="720" t="s">
        <v>361</v>
      </c>
    </row>
    <row r="64" spans="1:7" ht="12.75" customHeight="1">
      <c r="A64" s="10"/>
      <c r="B64" s="10"/>
      <c r="C64" s="1"/>
      <c r="D64" s="4"/>
      <c r="E64" s="5" t="s">
        <v>4</v>
      </c>
      <c r="F64" s="5" t="s">
        <v>48</v>
      </c>
      <c r="G64" s="720"/>
    </row>
    <row r="65" spans="1:7" ht="44.25" customHeight="1">
      <c r="A65" s="63"/>
      <c r="B65" s="64"/>
      <c r="C65" s="65"/>
      <c r="D65" s="68">
        <v>4</v>
      </c>
      <c r="E65" s="70" t="s">
        <v>285</v>
      </c>
      <c r="F65" s="70" t="s">
        <v>234</v>
      </c>
      <c r="G65" s="720" t="s">
        <v>361</v>
      </c>
    </row>
    <row r="66" spans="1:7" ht="40.5" customHeight="1">
      <c r="A66" s="10"/>
      <c r="B66" s="10"/>
      <c r="C66" s="1"/>
      <c r="D66" s="4"/>
      <c r="E66" s="39" t="s">
        <v>109</v>
      </c>
      <c r="F66" s="39" t="s">
        <v>196</v>
      </c>
      <c r="G66" s="720"/>
    </row>
    <row r="67" spans="1:7" ht="15.75" customHeight="1">
      <c r="A67" s="63"/>
      <c r="B67" s="64"/>
      <c r="C67" s="65"/>
      <c r="D67" s="68">
        <v>5</v>
      </c>
      <c r="E67" s="69" t="s">
        <v>574</v>
      </c>
      <c r="F67" s="69" t="s">
        <v>229</v>
      </c>
      <c r="G67" s="720" t="s">
        <v>361</v>
      </c>
    </row>
    <row r="68" spans="1:7" ht="12.75" customHeight="1">
      <c r="A68" s="10"/>
      <c r="B68" s="10"/>
      <c r="C68" s="1"/>
      <c r="D68" s="4"/>
      <c r="E68" s="5" t="s">
        <v>5</v>
      </c>
      <c r="F68" s="5" t="s">
        <v>48</v>
      </c>
      <c r="G68" s="720"/>
    </row>
    <row r="69" spans="1:7" s="51" customFormat="1" ht="12.75">
      <c r="A69" s="10"/>
      <c r="B69" s="10"/>
      <c r="C69" s="1"/>
      <c r="D69" s="2"/>
      <c r="E69" s="3"/>
      <c r="F69" s="3"/>
      <c r="G69" s="37" t="s">
        <v>280</v>
      </c>
    </row>
    <row r="70" spans="1:7" s="127" customFormat="1" ht="12.75">
      <c r="A70" s="164"/>
      <c r="B70" s="164"/>
      <c r="C70" s="168"/>
      <c r="D70" s="306"/>
      <c r="E70" s="307"/>
      <c r="F70" s="307"/>
      <c r="G70" s="37"/>
    </row>
    <row r="71" spans="1:7" s="127" customFormat="1" ht="12.75">
      <c r="A71" s="164"/>
      <c r="B71" s="164"/>
      <c r="C71" s="168"/>
      <c r="D71" s="306"/>
      <c r="E71" s="307"/>
      <c r="F71" s="307"/>
      <c r="G71" s="37"/>
    </row>
    <row r="72" spans="1:7" s="127" customFormat="1" ht="12.75">
      <c r="A72" s="164"/>
      <c r="B72" s="164"/>
      <c r="C72" s="168"/>
      <c r="D72" s="306"/>
      <c r="E72" s="307"/>
      <c r="F72" s="307"/>
      <c r="G72" s="37"/>
    </row>
    <row r="73" spans="1:7" s="127" customFormat="1" ht="12.75">
      <c r="A73" s="164"/>
      <c r="B73" s="164"/>
      <c r="C73" s="168"/>
      <c r="D73" s="306"/>
      <c r="E73" s="307"/>
      <c r="F73" s="307"/>
      <c r="G73" s="37"/>
    </row>
    <row r="74" spans="1:7" s="127" customFormat="1" ht="12.75">
      <c r="A74" s="164"/>
      <c r="B74" s="164"/>
      <c r="C74" s="168"/>
      <c r="D74" s="306"/>
      <c r="E74" s="307"/>
      <c r="F74" s="307"/>
      <c r="G74" s="37"/>
    </row>
    <row r="75" spans="1:7" s="127" customFormat="1" ht="12.75">
      <c r="A75" s="718" t="s">
        <v>583</v>
      </c>
      <c r="B75" s="718"/>
      <c r="C75" s="718"/>
      <c r="D75" s="718"/>
      <c r="E75" s="718"/>
      <c r="F75" s="718"/>
      <c r="G75" s="718"/>
    </row>
    <row r="76" spans="1:7" s="127" customFormat="1" ht="12.75">
      <c r="A76" s="164"/>
      <c r="B76" s="164"/>
      <c r="C76" s="168" t="s">
        <v>620</v>
      </c>
      <c r="D76" s="306"/>
      <c r="E76" s="307"/>
      <c r="F76" s="307"/>
      <c r="G76" s="38"/>
    </row>
    <row r="77" spans="1:7" s="62" customFormat="1" ht="16.5" thickBot="1">
      <c r="A77" s="56"/>
      <c r="B77" s="57"/>
      <c r="C77" s="58"/>
      <c r="D77" s="59" t="s">
        <v>13</v>
      </c>
      <c r="E77" s="60" t="s">
        <v>227</v>
      </c>
      <c r="F77" s="60" t="s">
        <v>228</v>
      </c>
      <c r="G77" s="61" t="s">
        <v>85</v>
      </c>
    </row>
    <row r="78" spans="1:7" ht="33.75" customHeight="1" thickTop="1">
      <c r="A78" s="63"/>
      <c r="B78" s="64"/>
      <c r="C78" s="65"/>
      <c r="D78" s="68">
        <v>6</v>
      </c>
      <c r="E78" s="69" t="s">
        <v>325</v>
      </c>
      <c r="F78" s="70" t="s">
        <v>264</v>
      </c>
      <c r="G78" s="720" t="s">
        <v>361</v>
      </c>
    </row>
    <row r="79" spans="1:7" ht="41.25" customHeight="1">
      <c r="A79" s="10"/>
      <c r="B79" s="10"/>
      <c r="C79" s="1"/>
      <c r="D79" s="4"/>
      <c r="E79" s="5" t="s">
        <v>33</v>
      </c>
      <c r="F79" s="39" t="s">
        <v>286</v>
      </c>
      <c r="G79" s="720"/>
    </row>
    <row r="80" spans="1:7" ht="15.75" customHeight="1">
      <c r="A80" s="63"/>
      <c r="B80" s="64"/>
      <c r="C80" s="65"/>
      <c r="D80" s="68">
        <v>7</v>
      </c>
      <c r="E80" s="69" t="s">
        <v>235</v>
      </c>
      <c r="F80" s="69" t="s">
        <v>229</v>
      </c>
      <c r="G80" s="720" t="s">
        <v>361</v>
      </c>
    </row>
    <row r="81" spans="1:7" ht="12.75" customHeight="1">
      <c r="A81" s="10"/>
      <c r="B81" s="10"/>
      <c r="C81" s="1"/>
      <c r="D81" s="4"/>
      <c r="E81" s="5" t="s">
        <v>6</v>
      </c>
      <c r="F81" s="5" t="s">
        <v>57</v>
      </c>
      <c r="G81" s="720"/>
    </row>
    <row r="82" spans="1:7" ht="31.5" customHeight="1">
      <c r="A82" s="63"/>
      <c r="B82" s="64"/>
      <c r="C82" s="65"/>
      <c r="D82" s="68">
        <v>8</v>
      </c>
      <c r="E82" s="69" t="s">
        <v>236</v>
      </c>
      <c r="F82" s="69" t="s">
        <v>237</v>
      </c>
      <c r="G82" s="720" t="s">
        <v>361</v>
      </c>
    </row>
    <row r="83" spans="1:7" ht="28.5" customHeight="1">
      <c r="A83" s="10"/>
      <c r="B83" s="10"/>
      <c r="C83" s="1"/>
      <c r="D83" s="4"/>
      <c r="E83" s="5" t="s">
        <v>7</v>
      </c>
      <c r="F83" s="5" t="s">
        <v>61</v>
      </c>
      <c r="G83" s="720"/>
    </row>
    <row r="84" spans="1:7">
      <c r="A84" s="63"/>
      <c r="B84" s="64"/>
      <c r="C84" s="65"/>
      <c r="D84" s="68">
        <v>9</v>
      </c>
      <c r="E84" s="69" t="s">
        <v>238</v>
      </c>
      <c r="F84" s="69" t="s">
        <v>239</v>
      </c>
      <c r="G84" s="720" t="s">
        <v>361</v>
      </c>
    </row>
    <row r="85" spans="1:7" ht="24">
      <c r="A85" s="10"/>
      <c r="B85" s="10"/>
      <c r="C85" s="1"/>
      <c r="D85" s="4"/>
      <c r="E85" s="5" t="s">
        <v>8</v>
      </c>
      <c r="F85" s="5" t="s">
        <v>58</v>
      </c>
      <c r="G85" s="720"/>
    </row>
    <row r="86" spans="1:7" s="126" customFormat="1" ht="15.75" customHeight="1">
      <c r="A86" s="170"/>
      <c r="B86" s="171"/>
      <c r="C86" s="172"/>
      <c r="D86" s="173">
        <v>10</v>
      </c>
      <c r="E86" s="70" t="s">
        <v>240</v>
      </c>
      <c r="F86" s="70" t="s">
        <v>231</v>
      </c>
      <c r="G86" s="720" t="s">
        <v>361</v>
      </c>
    </row>
    <row r="87" spans="1:7" s="126" customFormat="1" ht="12.75" customHeight="1">
      <c r="A87" s="164"/>
      <c r="B87" s="164"/>
      <c r="C87" s="168"/>
      <c r="D87" s="169"/>
      <c r="E87" s="39" t="s">
        <v>174</v>
      </c>
      <c r="F87" s="39" t="s">
        <v>48</v>
      </c>
      <c r="G87" s="720"/>
    </row>
    <row r="88" spans="1:7" s="126" customFormat="1" ht="15.75" customHeight="1">
      <c r="A88" s="170"/>
      <c r="B88" s="171"/>
      <c r="C88" s="172"/>
      <c r="D88" s="173">
        <v>11</v>
      </c>
      <c r="E88" s="70" t="s">
        <v>241</v>
      </c>
      <c r="F88" s="70" t="s">
        <v>230</v>
      </c>
      <c r="G88" s="720" t="s">
        <v>361</v>
      </c>
    </row>
    <row r="89" spans="1:7" s="126" customFormat="1" ht="12.75" customHeight="1">
      <c r="A89" s="164"/>
      <c r="B89" s="164"/>
      <c r="C89" s="168"/>
      <c r="D89" s="169"/>
      <c r="E89" s="39" t="s">
        <v>107</v>
      </c>
      <c r="F89" s="39" t="s">
        <v>396</v>
      </c>
      <c r="G89" s="720"/>
    </row>
    <row r="90" spans="1:7" s="126" customFormat="1" ht="15.75" customHeight="1">
      <c r="A90" s="170"/>
      <c r="B90" s="171"/>
      <c r="C90" s="172"/>
      <c r="D90" s="173">
        <v>12</v>
      </c>
      <c r="E90" s="70" t="s">
        <v>242</v>
      </c>
      <c r="F90" s="70" t="s">
        <v>230</v>
      </c>
      <c r="G90" s="720" t="s">
        <v>361</v>
      </c>
    </row>
    <row r="91" spans="1:7" s="126" customFormat="1" ht="12.75" customHeight="1">
      <c r="A91" s="164"/>
      <c r="B91" s="164"/>
      <c r="C91" s="168"/>
      <c r="D91" s="169"/>
      <c r="E91" s="39" t="s">
        <v>1</v>
      </c>
      <c r="F91" s="39" t="s">
        <v>396</v>
      </c>
      <c r="G91" s="720"/>
    </row>
    <row r="92" spans="1:7" s="126" customFormat="1" ht="27" customHeight="1">
      <c r="A92" s="170"/>
      <c r="B92" s="171"/>
      <c r="C92" s="172"/>
      <c r="D92" s="173">
        <v>13</v>
      </c>
      <c r="E92" s="70" t="s">
        <v>243</v>
      </c>
      <c r="F92" s="70" t="s">
        <v>230</v>
      </c>
      <c r="G92" s="720" t="s">
        <v>361</v>
      </c>
    </row>
    <row r="93" spans="1:7" s="126" customFormat="1" ht="24">
      <c r="A93" s="164"/>
      <c r="B93" s="164"/>
      <c r="C93" s="168"/>
      <c r="D93" s="169"/>
      <c r="E93" s="39" t="s">
        <v>60</v>
      </c>
      <c r="F93" s="39" t="s">
        <v>387</v>
      </c>
      <c r="G93" s="720"/>
    </row>
    <row r="94" spans="1:7" s="126" customFormat="1" ht="15.75" customHeight="1">
      <c r="A94" s="170"/>
      <c r="B94" s="171"/>
      <c r="C94" s="172"/>
      <c r="D94" s="173">
        <v>14</v>
      </c>
      <c r="E94" s="70" t="s">
        <v>575</v>
      </c>
      <c r="F94" s="70" t="s">
        <v>233</v>
      </c>
      <c r="G94" s="720" t="s">
        <v>361</v>
      </c>
    </row>
    <row r="95" spans="1:7" s="126" customFormat="1" ht="12.75" customHeight="1">
      <c r="A95" s="164"/>
      <c r="B95" s="164"/>
      <c r="C95" s="168"/>
      <c r="D95" s="169"/>
      <c r="E95" s="39" t="s">
        <v>9</v>
      </c>
      <c r="F95" s="39" t="s">
        <v>56</v>
      </c>
      <c r="G95" s="720"/>
    </row>
    <row r="96" spans="1:7" s="126" customFormat="1" ht="59.25" customHeight="1">
      <c r="A96" s="164"/>
      <c r="B96" s="164"/>
      <c r="C96" s="168"/>
      <c r="D96" s="173">
        <v>15</v>
      </c>
      <c r="E96" s="70" t="s">
        <v>244</v>
      </c>
      <c r="F96" s="70" t="s">
        <v>445</v>
      </c>
      <c r="G96" s="720" t="s">
        <v>361</v>
      </c>
    </row>
    <row r="97" spans="1:7" s="126" customFormat="1" ht="51.75" customHeight="1">
      <c r="A97" s="164"/>
      <c r="B97" s="164"/>
      <c r="C97" s="168"/>
      <c r="D97" s="242"/>
      <c r="E97" s="243" t="s">
        <v>193</v>
      </c>
      <c r="F97" s="39" t="s">
        <v>397</v>
      </c>
      <c r="G97" s="720"/>
    </row>
    <row r="98" spans="1:7" s="126" customFormat="1" ht="15.75" customHeight="1">
      <c r="A98" s="170"/>
      <c r="B98" s="171"/>
      <c r="C98" s="172"/>
      <c r="D98" s="173">
        <v>16</v>
      </c>
      <c r="E98" s="70" t="s">
        <v>245</v>
      </c>
      <c r="F98" s="70" t="s">
        <v>230</v>
      </c>
      <c r="G98" s="720" t="s">
        <v>361</v>
      </c>
    </row>
    <row r="99" spans="1:7" s="126" customFormat="1" ht="12.75" customHeight="1">
      <c r="A99" s="164"/>
      <c r="B99" s="164"/>
      <c r="C99" s="168"/>
      <c r="D99" s="169"/>
      <c r="E99" s="39" t="s">
        <v>10</v>
      </c>
      <c r="F99" s="39" t="s">
        <v>398</v>
      </c>
      <c r="G99" s="720"/>
    </row>
    <row r="100" spans="1:7" s="126" customFormat="1" ht="57">
      <c r="A100" s="170"/>
      <c r="B100" s="171"/>
      <c r="C100" s="172"/>
      <c r="D100" s="173">
        <v>17</v>
      </c>
      <c r="E100" s="70" t="s">
        <v>686</v>
      </c>
      <c r="F100" s="70" t="s">
        <v>687</v>
      </c>
      <c r="G100" s="720" t="s">
        <v>361</v>
      </c>
    </row>
    <row r="101" spans="1:7" s="126" customFormat="1" ht="48">
      <c r="A101" s="164"/>
      <c r="B101" s="164"/>
      <c r="C101" s="168"/>
      <c r="D101" s="169"/>
      <c r="E101" s="39" t="s">
        <v>681</v>
      </c>
      <c r="F101" s="39" t="s">
        <v>682</v>
      </c>
      <c r="G101" s="720"/>
    </row>
    <row r="102" spans="1:7" s="126" customFormat="1" ht="15.75" customHeight="1">
      <c r="A102" s="170"/>
      <c r="B102" s="171"/>
      <c r="C102" s="172"/>
      <c r="D102" s="173">
        <v>18</v>
      </c>
      <c r="E102" s="70" t="s">
        <v>246</v>
      </c>
      <c r="F102" s="70" t="s">
        <v>230</v>
      </c>
      <c r="G102" s="720" t="s">
        <v>361</v>
      </c>
    </row>
    <row r="103" spans="1:7" s="126" customFormat="1" ht="12.75" customHeight="1">
      <c r="A103" s="164"/>
      <c r="B103" s="164"/>
      <c r="C103" s="168"/>
      <c r="D103" s="169"/>
      <c r="E103" s="39" t="s">
        <v>175</v>
      </c>
      <c r="F103" s="39" t="s">
        <v>398</v>
      </c>
      <c r="G103" s="720"/>
    </row>
    <row r="104" spans="1:7" s="126" customFormat="1">
      <c r="A104" s="170"/>
      <c r="B104" s="171"/>
      <c r="C104" s="172"/>
      <c r="D104" s="173">
        <v>19</v>
      </c>
      <c r="E104" s="70" t="s">
        <v>453</v>
      </c>
      <c r="F104" s="70" t="s">
        <v>230</v>
      </c>
      <c r="G104" s="720" t="s">
        <v>361</v>
      </c>
    </row>
    <row r="105" spans="1:7" s="126" customFormat="1" ht="12.75" customHeight="1">
      <c r="A105" s="164"/>
      <c r="B105" s="164"/>
      <c r="C105" s="168"/>
      <c r="D105" s="169"/>
      <c r="E105" s="39" t="s">
        <v>176</v>
      </c>
      <c r="F105" s="39" t="s">
        <v>398</v>
      </c>
      <c r="G105" s="720"/>
    </row>
    <row r="106" spans="1:7" s="126" customFormat="1">
      <c r="A106" s="170"/>
      <c r="B106" s="171"/>
      <c r="C106" s="172"/>
      <c r="D106" s="173">
        <v>20</v>
      </c>
      <c r="E106" s="70" t="s">
        <v>452</v>
      </c>
      <c r="F106" s="70" t="s">
        <v>230</v>
      </c>
      <c r="G106" s="720" t="s">
        <v>361</v>
      </c>
    </row>
    <row r="107" spans="1:7" s="126" customFormat="1" ht="12.75" customHeight="1">
      <c r="A107" s="164"/>
      <c r="B107" s="164"/>
      <c r="C107" s="168"/>
      <c r="D107" s="169"/>
      <c r="E107" s="39" t="s">
        <v>177</v>
      </c>
      <c r="F107" s="39" t="s">
        <v>398</v>
      </c>
      <c r="G107" s="720"/>
    </row>
    <row r="108" spans="1:7" s="126" customFormat="1" ht="15.75" customHeight="1">
      <c r="A108" s="170"/>
      <c r="B108" s="171"/>
      <c r="C108" s="172"/>
      <c r="D108" s="173">
        <v>21</v>
      </c>
      <c r="E108" s="70" t="s">
        <v>576</v>
      </c>
      <c r="F108" s="70" t="s">
        <v>679</v>
      </c>
      <c r="G108" s="720" t="s">
        <v>361</v>
      </c>
    </row>
    <row r="109" spans="1:7" s="126" customFormat="1" ht="12.75" customHeight="1">
      <c r="A109" s="164"/>
      <c r="B109" s="164"/>
      <c r="C109" s="168"/>
      <c r="D109" s="169"/>
      <c r="E109" s="39" t="s">
        <v>96</v>
      </c>
      <c r="F109" s="39" t="s">
        <v>680</v>
      </c>
      <c r="G109" s="720"/>
    </row>
    <row r="110" spans="1:7" s="126" customFormat="1" ht="15.75" customHeight="1">
      <c r="A110" s="170"/>
      <c r="B110" s="171"/>
      <c r="C110" s="172"/>
      <c r="D110" s="173">
        <v>22</v>
      </c>
      <c r="E110" s="70" t="s">
        <v>247</v>
      </c>
      <c r="F110" s="70" t="s">
        <v>230</v>
      </c>
      <c r="G110" s="720" t="s">
        <v>361</v>
      </c>
    </row>
    <row r="111" spans="1:7" s="126" customFormat="1" ht="12.75" customHeight="1">
      <c r="A111" s="164"/>
      <c r="B111" s="164"/>
      <c r="C111" s="168"/>
      <c r="D111" s="169"/>
      <c r="E111" s="39" t="s">
        <v>166</v>
      </c>
      <c r="F111" s="39" t="s">
        <v>398</v>
      </c>
      <c r="G111" s="720"/>
    </row>
    <row r="112" spans="1:7" s="126" customFormat="1" ht="15.75" customHeight="1">
      <c r="A112" s="170"/>
      <c r="B112" s="171"/>
      <c r="C112" s="172"/>
      <c r="D112" s="173">
        <v>23</v>
      </c>
      <c r="E112" s="70" t="s">
        <v>339</v>
      </c>
      <c r="F112" s="70" t="s">
        <v>340</v>
      </c>
      <c r="G112" s="720" t="s">
        <v>361</v>
      </c>
    </row>
    <row r="113" spans="1:7" s="126" customFormat="1" ht="12.75" customHeight="1">
      <c r="A113" s="164"/>
      <c r="B113" s="164"/>
      <c r="C113" s="168"/>
      <c r="D113" s="169"/>
      <c r="E113" s="39" t="s">
        <v>291</v>
      </c>
      <c r="F113" s="39" t="s">
        <v>48</v>
      </c>
      <c r="G113" s="720"/>
    </row>
    <row r="114" spans="1:7" s="126" customFormat="1" ht="15.75" customHeight="1">
      <c r="A114" s="170"/>
      <c r="B114" s="171"/>
      <c r="C114" s="172"/>
      <c r="D114" s="173">
        <v>24</v>
      </c>
      <c r="E114" s="70" t="s">
        <v>341</v>
      </c>
      <c r="F114" s="70" t="s">
        <v>340</v>
      </c>
      <c r="G114" s="720" t="s">
        <v>361</v>
      </c>
    </row>
    <row r="115" spans="1:7" s="126" customFormat="1" ht="12.75" customHeight="1">
      <c r="A115" s="164"/>
      <c r="B115" s="164"/>
      <c r="C115" s="168"/>
      <c r="D115" s="169"/>
      <c r="E115" s="39" t="s">
        <v>292</v>
      </c>
      <c r="F115" s="39" t="s">
        <v>48</v>
      </c>
      <c r="G115" s="720"/>
    </row>
    <row r="116" spans="1:7" s="126" customFormat="1" ht="15.75" customHeight="1">
      <c r="A116" s="170"/>
      <c r="B116" s="171"/>
      <c r="C116" s="172"/>
      <c r="D116" s="173">
        <v>25</v>
      </c>
      <c r="E116" s="70" t="s">
        <v>577</v>
      </c>
      <c r="F116" s="70" t="s">
        <v>340</v>
      </c>
      <c r="G116" s="720" t="s">
        <v>361</v>
      </c>
    </row>
    <row r="117" spans="1:7" s="126" customFormat="1" ht="12.75" customHeight="1">
      <c r="A117" s="164"/>
      <c r="B117" s="164"/>
      <c r="C117" s="168"/>
      <c r="D117" s="169"/>
      <c r="E117" s="39" t="s">
        <v>307</v>
      </c>
      <c r="F117" s="39" t="s">
        <v>48</v>
      </c>
      <c r="G117" s="720"/>
    </row>
    <row r="118" spans="1:7" s="126" customFormat="1">
      <c r="A118" s="170"/>
      <c r="B118" s="171"/>
      <c r="C118" s="172"/>
      <c r="D118" s="173">
        <v>26</v>
      </c>
      <c r="E118" s="70" t="s">
        <v>661</v>
      </c>
      <c r="F118" s="70" t="s">
        <v>342</v>
      </c>
      <c r="G118" s="720" t="s">
        <v>361</v>
      </c>
    </row>
    <row r="119" spans="1:7" s="126" customFormat="1" ht="12.75" customHeight="1">
      <c r="A119" s="164"/>
      <c r="B119" s="164"/>
      <c r="C119" s="168"/>
      <c r="D119" s="169"/>
      <c r="E119" s="39" t="s">
        <v>446</v>
      </c>
      <c r="F119" s="39" t="s">
        <v>302</v>
      </c>
      <c r="G119" s="720"/>
    </row>
    <row r="120" spans="1:7" s="126" customFormat="1">
      <c r="A120" s="170"/>
      <c r="B120" s="171"/>
      <c r="C120" s="172"/>
      <c r="D120" s="173">
        <v>27</v>
      </c>
      <c r="E120" s="70" t="s">
        <v>662</v>
      </c>
      <c r="F120" s="70" t="s">
        <v>342</v>
      </c>
      <c r="G120" s="720" t="s">
        <v>361</v>
      </c>
    </row>
    <row r="121" spans="1:7" s="126" customFormat="1" ht="12.75" customHeight="1">
      <c r="A121" s="164"/>
      <c r="B121" s="164"/>
      <c r="C121" s="168"/>
      <c r="D121" s="169"/>
      <c r="E121" s="39" t="s">
        <v>343</v>
      </c>
      <c r="F121" s="39" t="s">
        <v>302</v>
      </c>
      <c r="G121" s="720"/>
    </row>
    <row r="122" spans="1:7" s="126" customFormat="1" ht="28.5">
      <c r="A122" s="170"/>
      <c r="B122" s="171"/>
      <c r="C122" s="172"/>
      <c r="D122" s="173">
        <v>28</v>
      </c>
      <c r="E122" s="70" t="s">
        <v>663</v>
      </c>
      <c r="F122" s="70" t="s">
        <v>340</v>
      </c>
      <c r="G122" s="720" t="s">
        <v>361</v>
      </c>
    </row>
    <row r="123" spans="1:7" s="126" customFormat="1" ht="12.75" customHeight="1">
      <c r="A123" s="164"/>
      <c r="B123" s="164"/>
      <c r="C123" s="168"/>
      <c r="D123" s="169"/>
      <c r="E123" s="39" t="s">
        <v>596</v>
      </c>
      <c r="F123" s="39" t="s">
        <v>48</v>
      </c>
      <c r="G123" s="720"/>
    </row>
    <row r="124" spans="1:7" s="127" customFormat="1">
      <c r="A124" s="162"/>
      <c r="B124" s="163"/>
      <c r="C124" s="724" t="s">
        <v>621</v>
      </c>
      <c r="D124" s="724"/>
      <c r="E124" s="724"/>
      <c r="F124" s="724"/>
      <c r="G124" s="724"/>
    </row>
    <row r="125" spans="1:7" s="51" customFormat="1">
      <c r="A125" s="50"/>
      <c r="B125" s="52"/>
      <c r="C125" s="730" t="s">
        <v>447</v>
      </c>
      <c r="D125" s="730"/>
      <c r="E125" s="730"/>
      <c r="F125" s="730"/>
      <c r="G125" s="730"/>
    </row>
    <row r="126" spans="1:7" s="51" customFormat="1" ht="12.75">
      <c r="A126" s="10"/>
      <c r="B126" s="10"/>
      <c r="C126" s="729" t="s">
        <v>65</v>
      </c>
      <c r="D126" s="729"/>
      <c r="E126" s="729"/>
      <c r="F126" s="729"/>
      <c r="G126" s="729"/>
    </row>
    <row r="127" spans="1:7" s="51" customFormat="1">
      <c r="A127" s="50"/>
      <c r="B127" s="52"/>
      <c r="C127" s="730" t="s">
        <v>448</v>
      </c>
      <c r="D127" s="730"/>
      <c r="E127" s="730"/>
      <c r="F127" s="730"/>
      <c r="G127" s="730"/>
    </row>
    <row r="128" spans="1:7" s="51" customFormat="1" ht="12.75">
      <c r="A128" s="10"/>
      <c r="B128" s="10"/>
      <c r="C128" s="729" t="s">
        <v>66</v>
      </c>
      <c r="D128" s="729"/>
      <c r="E128" s="729"/>
      <c r="F128" s="729"/>
      <c r="G128" s="729"/>
    </row>
    <row r="129" spans="1:7" s="51" customFormat="1">
      <c r="A129" s="50"/>
      <c r="B129" s="52"/>
      <c r="C129" s="730" t="s">
        <v>678</v>
      </c>
      <c r="D129" s="730"/>
      <c r="E129" s="730"/>
      <c r="F129" s="730"/>
      <c r="G129" s="730"/>
    </row>
    <row r="130" spans="1:7" s="51" customFormat="1" ht="12.75">
      <c r="A130" s="10"/>
      <c r="B130" s="10"/>
      <c r="C130" s="729" t="s">
        <v>67</v>
      </c>
      <c r="D130" s="729"/>
      <c r="E130" s="729"/>
      <c r="F130" s="729"/>
      <c r="G130" s="729"/>
    </row>
    <row r="131" spans="1:7" s="51" customFormat="1" ht="22.5" customHeight="1">
      <c r="A131" s="50"/>
      <c r="B131" s="52"/>
      <c r="C131" s="727" t="s">
        <v>952</v>
      </c>
      <c r="D131" s="728"/>
      <c r="E131" s="728"/>
      <c r="F131" s="728"/>
      <c r="G131" s="728"/>
    </row>
    <row r="132" spans="1:7" s="127" customFormat="1" ht="12.75">
      <c r="A132" s="164"/>
      <c r="B132" s="164"/>
      <c r="C132" s="721" t="s">
        <v>178</v>
      </c>
      <c r="D132" s="721"/>
      <c r="E132" s="721"/>
      <c r="F132" s="721"/>
      <c r="G132" s="721"/>
    </row>
    <row r="133" spans="1:7" s="51" customFormat="1" ht="12.75">
      <c r="A133" s="10"/>
      <c r="B133" s="10"/>
      <c r="C133" s="1"/>
      <c r="D133" s="2"/>
      <c r="E133" s="3"/>
      <c r="F133" s="3"/>
      <c r="G133" s="1"/>
    </row>
    <row r="134" spans="1:7" s="51" customFormat="1">
      <c r="A134" s="50"/>
      <c r="B134" s="52" t="s">
        <v>93</v>
      </c>
      <c r="C134" s="53"/>
      <c r="D134" s="54"/>
      <c r="E134" s="55"/>
      <c r="F134" s="55"/>
      <c r="G134" s="53"/>
    </row>
    <row r="135" spans="1:7" s="51" customFormat="1" ht="12.75">
      <c r="A135" s="10"/>
      <c r="B135" s="13" t="s">
        <v>70</v>
      </c>
      <c r="C135" s="1"/>
      <c r="D135" s="2"/>
      <c r="E135" s="3"/>
      <c r="F135" s="3"/>
      <c r="G135" s="1"/>
    </row>
    <row r="136" spans="1:7" s="51" customFormat="1">
      <c r="A136" s="50"/>
      <c r="B136" s="52"/>
      <c r="C136" s="731" t="s">
        <v>226</v>
      </c>
      <c r="D136" s="731"/>
      <c r="E136" s="731"/>
      <c r="F136" s="731"/>
      <c r="G136" s="731"/>
    </row>
    <row r="137" spans="1:7" s="126" customFormat="1" ht="16.5" thickBot="1">
      <c r="A137" s="170"/>
      <c r="B137" s="171"/>
      <c r="C137" s="172"/>
      <c r="D137" s="326" t="s">
        <v>13</v>
      </c>
      <c r="E137" s="347" t="s">
        <v>622</v>
      </c>
      <c r="F137" s="347" t="s">
        <v>623</v>
      </c>
      <c r="G137" s="61" t="s">
        <v>86</v>
      </c>
    </row>
    <row r="138" spans="1:7" s="126" customFormat="1" ht="16.5" thickTop="1">
      <c r="A138" s="170"/>
      <c r="B138" s="171"/>
      <c r="C138" s="172"/>
      <c r="D138" s="346">
        <v>1</v>
      </c>
      <c r="E138" s="328" t="s">
        <v>624</v>
      </c>
      <c r="F138" s="328" t="s">
        <v>664</v>
      </c>
      <c r="G138" s="720" t="s">
        <v>361</v>
      </c>
    </row>
    <row r="139" spans="1:7" s="126" customFormat="1" ht="12.75" customHeight="1">
      <c r="A139" s="164"/>
      <c r="B139" s="164"/>
      <c r="C139" s="168"/>
      <c r="D139" s="242"/>
      <c r="E139" s="243" t="s">
        <v>59</v>
      </c>
      <c r="F139" s="39" t="s">
        <v>602</v>
      </c>
      <c r="G139" s="720"/>
    </row>
    <row r="140" spans="1:7" s="126" customFormat="1">
      <c r="A140" s="170"/>
      <c r="B140" s="171"/>
      <c r="C140" s="172"/>
      <c r="D140" s="346"/>
      <c r="E140" s="328" t="s">
        <v>625</v>
      </c>
      <c r="F140" s="70" t="s">
        <v>626</v>
      </c>
      <c r="G140" s="735" t="s">
        <v>83</v>
      </c>
    </row>
    <row r="141" spans="1:7" s="126" customFormat="1" ht="12.75">
      <c r="A141" s="164"/>
      <c r="B141" s="164"/>
      <c r="C141" s="168"/>
      <c r="D141" s="242"/>
      <c r="E141" s="243" t="s">
        <v>34</v>
      </c>
      <c r="F141" s="39" t="s">
        <v>110</v>
      </c>
      <c r="G141" s="736"/>
    </row>
    <row r="142" spans="1:7" s="126" customFormat="1" ht="48.75" customHeight="1">
      <c r="A142" s="170"/>
      <c r="B142" s="171"/>
      <c r="C142" s="172"/>
      <c r="D142" s="346"/>
      <c r="E142" s="328"/>
      <c r="F142" s="70" t="s">
        <v>627</v>
      </c>
      <c r="G142" s="735" t="s">
        <v>105</v>
      </c>
    </row>
    <row r="143" spans="1:7" ht="38.25" customHeight="1">
      <c r="A143" s="10"/>
      <c r="B143" s="10"/>
      <c r="C143" s="1"/>
      <c r="D143" s="15"/>
      <c r="E143" s="16"/>
      <c r="F143" s="16" t="s">
        <v>62</v>
      </c>
      <c r="G143" s="738"/>
    </row>
    <row r="144" spans="1:7">
      <c r="A144" s="63"/>
      <c r="B144" s="64"/>
      <c r="C144" s="65"/>
      <c r="D144" s="66"/>
      <c r="E144" s="67"/>
      <c r="F144" s="71" t="s">
        <v>287</v>
      </c>
      <c r="G144" s="739"/>
    </row>
    <row r="145" spans="1:7" ht="12.75">
      <c r="A145" s="10"/>
      <c r="B145" s="10"/>
      <c r="C145" s="1"/>
      <c r="D145" s="15"/>
      <c r="E145" s="16"/>
      <c r="F145" s="17" t="s">
        <v>248</v>
      </c>
      <c r="G145" s="740"/>
    </row>
    <row r="146" spans="1:7">
      <c r="A146" s="63"/>
      <c r="B146" s="64"/>
      <c r="C146" s="65"/>
      <c r="D146" s="66"/>
      <c r="E146" s="67"/>
      <c r="F146" s="71" t="s">
        <v>449</v>
      </c>
      <c r="G146" s="741"/>
    </row>
    <row r="147" spans="1:7" ht="12.75">
      <c r="A147" s="10"/>
      <c r="B147" s="10"/>
      <c r="C147" s="1"/>
      <c r="D147" s="4"/>
      <c r="E147" s="5"/>
      <c r="F147" s="14" t="s">
        <v>249</v>
      </c>
      <c r="G147" s="742"/>
    </row>
    <row r="148" spans="1:7" s="51" customFormat="1">
      <c r="A148" s="50"/>
      <c r="B148" s="52"/>
      <c r="C148" s="730" t="s">
        <v>326</v>
      </c>
      <c r="D148" s="730"/>
      <c r="E148" s="730"/>
      <c r="F148" s="730"/>
      <c r="G148" s="730"/>
    </row>
    <row r="149" spans="1:7" s="51" customFormat="1" ht="12.75">
      <c r="A149" s="10"/>
      <c r="B149" s="10"/>
      <c r="C149" s="725" t="s">
        <v>197</v>
      </c>
      <c r="D149" s="725"/>
      <c r="E149" s="725"/>
      <c r="F149" s="725"/>
      <c r="G149" s="725"/>
    </row>
    <row r="150" spans="1:7" s="51" customFormat="1" ht="19.5" customHeight="1">
      <c r="A150" s="50"/>
      <c r="B150" s="52"/>
      <c r="C150" s="727" t="s">
        <v>953</v>
      </c>
      <c r="D150" s="728"/>
      <c r="E150" s="728"/>
      <c r="F150" s="728"/>
      <c r="G150" s="728"/>
    </row>
    <row r="151" spans="1:7" s="51" customFormat="1">
      <c r="A151" s="72"/>
      <c r="B151" s="73"/>
      <c r="C151" s="737" t="s">
        <v>954</v>
      </c>
      <c r="D151" s="737"/>
      <c r="E151" s="737"/>
      <c r="F151" s="737"/>
      <c r="G151" s="737"/>
    </row>
    <row r="152" spans="1:7">
      <c r="F152" s="258"/>
    </row>
    <row r="153" spans="1:7">
      <c r="F153" s="258"/>
    </row>
    <row r="154" spans="1:7" ht="12.75">
      <c r="A154" s="734" t="s">
        <v>584</v>
      </c>
      <c r="B154" s="734"/>
      <c r="C154" s="734"/>
      <c r="D154" s="734"/>
      <c r="E154" s="734"/>
      <c r="F154" s="734"/>
      <c r="G154" s="734"/>
    </row>
  </sheetData>
  <sheetProtection algorithmName="SHA-512" hashValue="O8+HKIWJRYAdaArWlxYxnR8nQFS/ZGphzgfMGZXGHTOX4u8SvNoi2wY32Pao+ciChMY0SEsQv6NdTwEGgSAayw==" saltValue="uBtUG+QtrTrrghFDs+/fUQ==" spinCount="100000" sheet="1" selectLockedCells="1"/>
  <mergeCells count="76">
    <mergeCell ref="C132:G132"/>
    <mergeCell ref="A75:G75"/>
    <mergeCell ref="A154:G154"/>
    <mergeCell ref="G140:G141"/>
    <mergeCell ref="C125:G125"/>
    <mergeCell ref="C126:G126"/>
    <mergeCell ref="C151:G151"/>
    <mergeCell ref="G142:G143"/>
    <mergeCell ref="G144:G145"/>
    <mergeCell ref="G146:G147"/>
    <mergeCell ref="C148:G148"/>
    <mergeCell ref="C149:G149"/>
    <mergeCell ref="C150:G150"/>
    <mergeCell ref="C136:G136"/>
    <mergeCell ref="G138:G139"/>
    <mergeCell ref="C129:G129"/>
    <mergeCell ref="C130:G130"/>
    <mergeCell ref="G26:G27"/>
    <mergeCell ref="G28:G29"/>
    <mergeCell ref="G30:G31"/>
    <mergeCell ref="G84:G85"/>
    <mergeCell ref="G42:G43"/>
    <mergeCell ref="G44:G45"/>
    <mergeCell ref="G46:G47"/>
    <mergeCell ref="G48:G49"/>
    <mergeCell ref="C53:G53"/>
    <mergeCell ref="C57:G57"/>
    <mergeCell ref="G59:G60"/>
    <mergeCell ref="G61:G62"/>
    <mergeCell ref="G63:G64"/>
    <mergeCell ref="G65:G66"/>
    <mergeCell ref="G67:G68"/>
    <mergeCell ref="C52:G52"/>
    <mergeCell ref="G16:G17"/>
    <mergeCell ref="G18:G19"/>
    <mergeCell ref="G20:G21"/>
    <mergeCell ref="G22:G23"/>
    <mergeCell ref="G24:G25"/>
    <mergeCell ref="G32:G33"/>
    <mergeCell ref="G34:G35"/>
    <mergeCell ref="C51:G51"/>
    <mergeCell ref="G38:G39"/>
    <mergeCell ref="G40:G41"/>
    <mergeCell ref="C50:G50"/>
    <mergeCell ref="G36:G37"/>
    <mergeCell ref="C6:G6"/>
    <mergeCell ref="G8:G9"/>
    <mergeCell ref="G10:G11"/>
    <mergeCell ref="G12:G13"/>
    <mergeCell ref="G14:G15"/>
    <mergeCell ref="G98:G99"/>
    <mergeCell ref="G96:G97"/>
    <mergeCell ref="G88:G89"/>
    <mergeCell ref="G90:G91"/>
    <mergeCell ref="G78:G79"/>
    <mergeCell ref="G80:G81"/>
    <mergeCell ref="G82:G83"/>
    <mergeCell ref="G92:G93"/>
    <mergeCell ref="G94:G95"/>
    <mergeCell ref="G86:G87"/>
    <mergeCell ref="C131:G131"/>
    <mergeCell ref="G100:G101"/>
    <mergeCell ref="G116:G117"/>
    <mergeCell ref="G120:G121"/>
    <mergeCell ref="G122:G123"/>
    <mergeCell ref="C128:G128"/>
    <mergeCell ref="C124:G124"/>
    <mergeCell ref="G102:G103"/>
    <mergeCell ref="G104:G105"/>
    <mergeCell ref="G106:G107"/>
    <mergeCell ref="G108:G109"/>
    <mergeCell ref="G110:G111"/>
    <mergeCell ref="G112:G113"/>
    <mergeCell ref="C127:G127"/>
    <mergeCell ref="G114:G115"/>
    <mergeCell ref="G118:G119"/>
  </mergeCells>
  <phoneticPr fontId="7"/>
  <conditionalFormatting sqref="G142">
    <cfRule type="cellIs" dxfId="184" priority="59" operator="equal">
      <formula>"Used"</formula>
    </cfRule>
  </conditionalFormatting>
  <conditionalFormatting sqref="G8">
    <cfRule type="cellIs" dxfId="183" priority="37" operator="equal">
      <formula>"Not Applicable"</formula>
    </cfRule>
  </conditionalFormatting>
  <conditionalFormatting sqref="G59">
    <cfRule type="cellIs" dxfId="182" priority="33" operator="equal">
      <formula>"Not Applicable"</formula>
    </cfRule>
  </conditionalFormatting>
  <conditionalFormatting sqref="G138">
    <cfRule type="cellIs" dxfId="181" priority="24" operator="equal">
      <formula>"Not Applicable"</formula>
    </cfRule>
  </conditionalFormatting>
  <conditionalFormatting sqref="G10 G12 G14 G18 G20 G22 G24 G26 G28 G30 G32 G34 G36">
    <cfRule type="cellIs" dxfId="180" priority="16" operator="equal">
      <formula>"Not Applicable"</formula>
    </cfRule>
  </conditionalFormatting>
  <conditionalFormatting sqref="G61 G63 G65 G67 G78 G80 G82 G84 G86 G88 G90 G92">
    <cfRule type="cellIs" dxfId="179" priority="15" operator="equal">
      <formula>"Not Applicable"</formula>
    </cfRule>
  </conditionalFormatting>
  <conditionalFormatting sqref="G94">
    <cfRule type="cellIs" dxfId="178" priority="14" operator="equal">
      <formula>"Not Applicable"</formula>
    </cfRule>
  </conditionalFormatting>
  <conditionalFormatting sqref="G96">
    <cfRule type="cellIs" dxfId="177" priority="13" operator="equal">
      <formula>"Not Applicable"</formula>
    </cfRule>
  </conditionalFormatting>
  <conditionalFormatting sqref="G98 G102 G104 G106 G108 G110 G112 G114 G116 G118 G120">
    <cfRule type="cellIs" dxfId="176" priority="12" operator="equal">
      <formula>"Not Applicable"</formula>
    </cfRule>
  </conditionalFormatting>
  <conditionalFormatting sqref="G38">
    <cfRule type="cellIs" dxfId="175" priority="11" operator="equal">
      <formula>"Not Applicable"</formula>
    </cfRule>
  </conditionalFormatting>
  <conditionalFormatting sqref="G40">
    <cfRule type="cellIs" dxfId="174" priority="9" operator="equal">
      <formula>"Not Applicable"</formula>
    </cfRule>
  </conditionalFormatting>
  <conditionalFormatting sqref="G100">
    <cfRule type="cellIs" dxfId="173" priority="8" operator="equal">
      <formula>"Not Applicable"</formula>
    </cfRule>
  </conditionalFormatting>
  <conditionalFormatting sqref="G42">
    <cfRule type="cellIs" dxfId="172" priority="6" operator="equal">
      <formula>"Not Applicable"</formula>
    </cfRule>
  </conditionalFormatting>
  <conditionalFormatting sqref="G44">
    <cfRule type="cellIs" dxfId="171" priority="5" operator="equal">
      <formula>"Not Applicable"</formula>
    </cfRule>
  </conditionalFormatting>
  <conditionalFormatting sqref="G46">
    <cfRule type="cellIs" dxfId="170" priority="4" operator="equal">
      <formula>"Not Applicable"</formula>
    </cfRule>
  </conditionalFormatting>
  <conditionalFormatting sqref="G48">
    <cfRule type="cellIs" dxfId="169" priority="3" operator="equal">
      <formula>"Not Applicable"</formula>
    </cfRule>
  </conditionalFormatting>
  <conditionalFormatting sqref="G16">
    <cfRule type="cellIs" dxfId="168" priority="2" operator="equal">
      <formula>"Not Applicable"</formula>
    </cfRule>
  </conditionalFormatting>
  <conditionalFormatting sqref="G122">
    <cfRule type="cellIs" dxfId="167" priority="1" operator="equal">
      <formula>"Not Applicable"</formula>
    </cfRule>
  </conditionalFormatting>
  <dataValidations count="3">
    <dataValidation type="list" allowBlank="1" showInputMessage="1" showErrorMessage="1" promptTitle="入力内容" prompt="使用している： Used_x000a_使用していない： Not Used" sqref="G142:G143" xr:uid="{00000000-0002-0000-0200-000000000000}">
      <formula1>"&lt; Used / Not Used &gt;, Used, Not Used"</formula1>
    </dataValidation>
    <dataValidation type="list" allowBlank="1" showInputMessage="1" showErrorMessage="1" prompt="Use PWB： Yes_x000a_Do not use PWB： No" sqref="G140:G141" xr:uid="{00000000-0002-0000-0200-000001000000}">
      <formula1>"&lt; Yes / No &gt;, Yes, No"</formula1>
    </dataValidation>
    <dataValidation type="list" showInputMessage="1" showErrorMessage="1" promptTitle="入力内容" prompt="判定基準を満たす： Applicable_x000a_満たさない： Not Applicable" sqref="G138:G139 G8:G49 G59:G123" xr:uid="{00000000-0002-0000-0200-000002000000}">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53" fitToHeight="2" orientation="portrait" r:id="rId1"/>
  <headerFooter>
    <oddFooter>&amp;LB. Others&amp;RV.15.0 (revised on Oct. 2023)</oddFooter>
  </headerFooter>
  <rowBreaks count="1" manualBreakCount="1">
    <brk id="75" max="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00B0F0"/>
    <pageSetUpPr fitToPage="1"/>
  </sheetPr>
  <dimension ref="A1:G58"/>
  <sheetViews>
    <sheetView showGridLines="0" view="pageBreakPreview" zoomScale="90" zoomScaleNormal="100" zoomScaleSheetLayoutView="90" workbookViewId="0">
      <selection activeCell="G29" sqref="G29:G30"/>
    </sheetView>
  </sheetViews>
  <sheetFormatPr defaultColWidth="0.7109375" defaultRowHeight="15.75"/>
  <cols>
    <col min="1" max="1" width="1.42578125" style="45" customWidth="1"/>
    <col min="2" max="2" width="1.42578125" style="43" customWidth="1"/>
    <col min="3" max="3" width="0.7109375" style="41" customWidth="1"/>
    <col min="4" max="4" width="4.7109375" style="62" bestFit="1" customWidth="1"/>
    <col min="5" max="5" width="47.140625" style="41" customWidth="1"/>
    <col min="6" max="6" width="66.140625" style="41" customWidth="1"/>
    <col min="7" max="7" width="19.140625" style="41" customWidth="1"/>
    <col min="8" max="8" width="7.140625" style="41" customWidth="1"/>
    <col min="9" max="16384" width="0.7109375" style="41"/>
  </cols>
  <sheetData>
    <row r="1" spans="1:7" ht="11.25" customHeight="1">
      <c r="A1" s="159"/>
      <c r="B1" s="160"/>
      <c r="C1" s="126"/>
      <c r="D1" s="241"/>
      <c r="E1" s="126"/>
      <c r="F1" s="126"/>
      <c r="G1" s="9" t="str">
        <f>A.RoHS!G1</f>
        <v xml:space="preserve"> </v>
      </c>
    </row>
    <row r="2" spans="1:7" s="51" customFormat="1">
      <c r="A2" s="162" t="s">
        <v>404</v>
      </c>
      <c r="B2" s="163"/>
      <c r="C2" s="165"/>
      <c r="D2" s="166"/>
      <c r="E2" s="167"/>
      <c r="F2" s="167"/>
      <c r="G2" s="165"/>
    </row>
    <row r="3" spans="1:7" s="51" customFormat="1" ht="5.25" customHeight="1">
      <c r="A3" s="164"/>
      <c r="B3" s="164"/>
      <c r="C3" s="168"/>
      <c r="D3" s="306"/>
      <c r="E3" s="307"/>
      <c r="F3" s="307"/>
      <c r="G3" s="168"/>
    </row>
    <row r="4" spans="1:7" s="51" customFormat="1">
      <c r="A4" s="162"/>
      <c r="B4" s="163" t="s">
        <v>424</v>
      </c>
      <c r="C4" s="165"/>
      <c r="D4" s="166"/>
      <c r="E4" s="167"/>
      <c r="F4" s="167"/>
      <c r="G4" s="165"/>
    </row>
    <row r="5" spans="1:7" s="51" customFormat="1" ht="12.75">
      <c r="A5" s="164"/>
      <c r="B5" s="308" t="s">
        <v>457</v>
      </c>
      <c r="C5" s="168"/>
      <c r="D5" s="306"/>
      <c r="E5" s="307"/>
      <c r="F5" s="307"/>
      <c r="G5" s="168"/>
    </row>
    <row r="6" spans="1:7" s="76" customFormat="1" ht="6" customHeight="1">
      <c r="A6" s="163"/>
      <c r="B6" s="163"/>
      <c r="C6" s="165"/>
      <c r="D6" s="166"/>
      <c r="E6" s="167"/>
      <c r="F6" s="167"/>
      <c r="G6" s="165"/>
    </row>
    <row r="7" spans="1:7" s="76" customFormat="1" ht="15">
      <c r="A7" s="163"/>
      <c r="B7" s="163"/>
      <c r="C7" s="165"/>
      <c r="D7" s="309" t="s">
        <v>425</v>
      </c>
      <c r="E7" s="167"/>
      <c r="F7" s="167"/>
      <c r="G7" s="165"/>
    </row>
    <row r="8" spans="1:7" s="76" customFormat="1" ht="15">
      <c r="A8" s="163"/>
      <c r="B8" s="163"/>
      <c r="C8" s="165"/>
      <c r="D8" s="310" t="s">
        <v>371</v>
      </c>
      <c r="E8" s="167"/>
      <c r="F8" s="167"/>
      <c r="G8" s="165"/>
    </row>
    <row r="9" spans="1:7" s="76" customFormat="1" ht="6" customHeight="1">
      <c r="A9" s="163"/>
      <c r="B9" s="163"/>
      <c r="C9" s="165"/>
      <c r="D9" s="166"/>
      <c r="E9" s="167"/>
      <c r="F9" s="167"/>
      <c r="G9" s="165"/>
    </row>
    <row r="10" spans="1:7" s="76" customFormat="1" ht="15">
      <c r="A10" s="163"/>
      <c r="B10" s="163"/>
      <c r="C10" s="311"/>
      <c r="D10" s="312" t="s">
        <v>405</v>
      </c>
      <c r="E10" s="313"/>
      <c r="F10" s="313"/>
      <c r="G10" s="314"/>
    </row>
    <row r="11" spans="1:7" s="76" customFormat="1" ht="15">
      <c r="A11" s="163"/>
      <c r="B11" s="163"/>
      <c r="C11" s="315"/>
      <c r="D11" s="316" t="s">
        <v>1028</v>
      </c>
      <c r="E11" s="167"/>
      <c r="F11" s="167"/>
      <c r="G11" s="317"/>
    </row>
    <row r="12" spans="1:7" s="76" customFormat="1" ht="15">
      <c r="A12" s="163"/>
      <c r="B12" s="163"/>
      <c r="C12" s="315"/>
      <c r="D12" s="318" t="s">
        <v>1029</v>
      </c>
      <c r="E12" s="167"/>
      <c r="F12" s="167"/>
      <c r="G12" s="317"/>
    </row>
    <row r="13" spans="1:7" s="76" customFormat="1" ht="15">
      <c r="A13" s="163"/>
      <c r="B13" s="163"/>
      <c r="C13" s="315"/>
      <c r="D13" s="316" t="s">
        <v>406</v>
      </c>
      <c r="E13" s="167"/>
      <c r="F13" s="167"/>
      <c r="G13" s="317"/>
    </row>
    <row r="14" spans="1:7" s="76" customFormat="1" ht="15">
      <c r="A14" s="163"/>
      <c r="B14" s="163"/>
      <c r="C14" s="315"/>
      <c r="D14" s="318" t="s">
        <v>372</v>
      </c>
      <c r="E14" s="167"/>
      <c r="F14" s="167"/>
      <c r="G14" s="317"/>
    </row>
    <row r="15" spans="1:7" s="76" customFormat="1" ht="15">
      <c r="A15" s="163"/>
      <c r="B15" s="163"/>
      <c r="C15" s="315"/>
      <c r="D15" s="316" t="s">
        <v>955</v>
      </c>
      <c r="E15" s="167"/>
      <c r="F15" s="167"/>
      <c r="G15" s="317"/>
    </row>
    <row r="16" spans="1:7" s="76" customFormat="1" ht="15">
      <c r="A16" s="163"/>
      <c r="B16" s="163"/>
      <c r="C16" s="315"/>
      <c r="D16" s="316" t="s">
        <v>1049</v>
      </c>
      <c r="E16" s="167"/>
      <c r="F16" s="167"/>
      <c r="G16" s="317"/>
    </row>
    <row r="17" spans="1:7" s="76" customFormat="1" ht="15">
      <c r="A17" s="163"/>
      <c r="B17" s="163"/>
      <c r="C17" s="315"/>
      <c r="D17" s="318" t="s">
        <v>373</v>
      </c>
      <c r="E17" s="167"/>
      <c r="F17" s="167"/>
      <c r="G17" s="317"/>
    </row>
    <row r="18" spans="1:7" s="76" customFormat="1" ht="15">
      <c r="A18" s="163"/>
      <c r="B18" s="163"/>
      <c r="C18" s="315"/>
      <c r="D18" s="318" t="s">
        <v>1050</v>
      </c>
      <c r="E18" s="167"/>
      <c r="F18" s="167"/>
      <c r="G18" s="317"/>
    </row>
    <row r="19" spans="1:7" s="76" customFormat="1" ht="15">
      <c r="A19" s="163"/>
      <c r="B19" s="163"/>
      <c r="C19" s="315"/>
      <c r="D19" s="318" t="s">
        <v>956</v>
      </c>
      <c r="E19" s="167"/>
      <c r="F19" s="167"/>
      <c r="G19" s="317"/>
    </row>
    <row r="20" spans="1:7" s="76" customFormat="1" ht="15">
      <c r="A20" s="163"/>
      <c r="B20" s="163"/>
      <c r="C20" s="315"/>
      <c r="D20" s="316" t="s">
        <v>957</v>
      </c>
      <c r="E20" s="167"/>
      <c r="F20" s="167"/>
      <c r="G20" s="317"/>
    </row>
    <row r="21" spans="1:7" s="76" customFormat="1" ht="15">
      <c r="A21" s="163"/>
      <c r="B21" s="163"/>
      <c r="C21" s="315"/>
      <c r="D21" s="316" t="s">
        <v>407</v>
      </c>
      <c r="E21" s="167"/>
      <c r="F21" s="167"/>
      <c r="G21" s="317"/>
    </row>
    <row r="22" spans="1:7" s="76" customFormat="1" ht="15">
      <c r="A22" s="163"/>
      <c r="B22" s="163"/>
      <c r="C22" s="315"/>
      <c r="D22" s="318" t="s">
        <v>374</v>
      </c>
      <c r="E22" s="167"/>
      <c r="F22" s="167"/>
      <c r="G22" s="317"/>
    </row>
    <row r="23" spans="1:7" s="76" customFormat="1" ht="15">
      <c r="A23" s="163"/>
      <c r="B23" s="163"/>
      <c r="C23" s="315"/>
      <c r="D23" s="318" t="s">
        <v>958</v>
      </c>
      <c r="E23" s="167"/>
      <c r="F23" s="167"/>
      <c r="G23" s="317"/>
    </row>
    <row r="24" spans="1:7" s="76" customFormat="1" ht="3.75" customHeight="1">
      <c r="A24" s="163"/>
      <c r="B24" s="163"/>
      <c r="C24" s="319"/>
      <c r="D24" s="320"/>
      <c r="E24" s="321"/>
      <c r="F24" s="321"/>
      <c r="G24" s="322"/>
    </row>
    <row r="25" spans="1:7" s="180" customFormat="1" ht="8.25" customHeight="1">
      <c r="A25" s="163"/>
      <c r="B25" s="163"/>
      <c r="C25" s="165"/>
      <c r="D25" s="166"/>
      <c r="E25" s="167"/>
      <c r="F25" s="167"/>
      <c r="G25" s="165"/>
    </row>
    <row r="26" spans="1:7" s="180" customFormat="1" ht="21" customHeight="1">
      <c r="A26" s="163"/>
      <c r="B26" s="163"/>
      <c r="C26" s="165"/>
      <c r="D26" s="679" t="s">
        <v>1035</v>
      </c>
      <c r="E26" s="167"/>
      <c r="F26" s="167"/>
      <c r="G26" s="165"/>
    </row>
    <row r="27" spans="1:7" s="127" customFormat="1">
      <c r="A27" s="162"/>
      <c r="B27" s="163"/>
      <c r="C27" s="723" t="s">
        <v>1036</v>
      </c>
      <c r="D27" s="723"/>
      <c r="E27" s="723"/>
      <c r="F27" s="723"/>
      <c r="G27" s="723"/>
    </row>
    <row r="28" spans="1:7" s="241" customFormat="1" ht="16.5" thickBot="1">
      <c r="A28" s="323"/>
      <c r="B28" s="324"/>
      <c r="C28" s="325"/>
      <c r="D28" s="326" t="s">
        <v>13</v>
      </c>
      <c r="E28" s="327" t="s">
        <v>426</v>
      </c>
      <c r="F28" s="327" t="s">
        <v>427</v>
      </c>
      <c r="G28" s="61" t="s">
        <v>85</v>
      </c>
    </row>
    <row r="29" spans="1:7" s="126" customFormat="1" ht="39.950000000000003" customHeight="1" thickTop="1">
      <c r="A29" s="170"/>
      <c r="B29" s="171"/>
      <c r="C29" s="172"/>
      <c r="D29" s="348">
        <v>1</v>
      </c>
      <c r="E29" s="70" t="s">
        <v>578</v>
      </c>
      <c r="F29" s="328" t="s">
        <v>340</v>
      </c>
      <c r="G29" s="743" t="s">
        <v>361</v>
      </c>
    </row>
    <row r="30" spans="1:7" s="126" customFormat="1" ht="20.100000000000001" customHeight="1">
      <c r="A30" s="164"/>
      <c r="B30" s="164"/>
      <c r="C30" s="168"/>
      <c r="D30" s="169"/>
      <c r="E30" s="39" t="s">
        <v>368</v>
      </c>
      <c r="F30" s="39" t="s">
        <v>48</v>
      </c>
      <c r="G30" s="743"/>
    </row>
    <row r="31" spans="1:7" s="126" customFormat="1" ht="20.100000000000001" customHeight="1">
      <c r="A31" s="170"/>
      <c r="B31" s="171"/>
      <c r="C31" s="172"/>
      <c r="D31" s="348">
        <v>2</v>
      </c>
      <c r="E31" s="70" t="s">
        <v>579</v>
      </c>
      <c r="F31" s="328" t="s">
        <v>340</v>
      </c>
      <c r="G31" s="720" t="s">
        <v>361</v>
      </c>
    </row>
    <row r="32" spans="1:7" s="126" customFormat="1" ht="20.100000000000001" customHeight="1">
      <c r="A32" s="164"/>
      <c r="B32" s="164"/>
      <c r="C32" s="168"/>
      <c r="D32" s="169"/>
      <c r="E32" s="39" t="s">
        <v>369</v>
      </c>
      <c r="F32" s="39" t="s">
        <v>48</v>
      </c>
      <c r="G32" s="720"/>
    </row>
    <row r="33" spans="1:7" s="126" customFormat="1" ht="39.950000000000003" customHeight="1">
      <c r="A33" s="170"/>
      <c r="B33" s="171"/>
      <c r="C33" s="172"/>
      <c r="D33" s="348">
        <v>3</v>
      </c>
      <c r="E33" s="70" t="s">
        <v>580</v>
      </c>
      <c r="F33" s="328" t="s">
        <v>340</v>
      </c>
      <c r="G33" s="743" t="s">
        <v>361</v>
      </c>
    </row>
    <row r="34" spans="1:7" s="126" customFormat="1" ht="50.1" customHeight="1">
      <c r="A34" s="164"/>
      <c r="B34" s="164"/>
      <c r="C34" s="168"/>
      <c r="D34" s="169"/>
      <c r="E34" s="39" t="s">
        <v>370</v>
      </c>
      <c r="F34" s="39" t="s">
        <v>48</v>
      </c>
      <c r="G34" s="743"/>
    </row>
    <row r="35" spans="1:7" s="126" customFormat="1" ht="50.1" customHeight="1">
      <c r="A35" s="164"/>
      <c r="B35" s="164"/>
      <c r="C35" s="168"/>
      <c r="D35" s="173">
        <v>4</v>
      </c>
      <c r="E35" s="70" t="s">
        <v>628</v>
      </c>
      <c r="F35" s="328" t="s">
        <v>340</v>
      </c>
      <c r="G35" s="743" t="s">
        <v>361</v>
      </c>
    </row>
    <row r="36" spans="1:7" s="126" customFormat="1" ht="50.1" customHeight="1">
      <c r="A36" s="164"/>
      <c r="B36" s="164"/>
      <c r="C36" s="168"/>
      <c r="D36" s="169"/>
      <c r="E36" s="39" t="s">
        <v>598</v>
      </c>
      <c r="F36" s="39" t="s">
        <v>48</v>
      </c>
      <c r="G36" s="743"/>
    </row>
    <row r="37" spans="1:7" s="126" customFormat="1" ht="39.950000000000003" customHeight="1">
      <c r="A37" s="164"/>
      <c r="B37" s="164"/>
      <c r="C37" s="168"/>
      <c r="D37" s="173">
        <v>5</v>
      </c>
      <c r="E37" s="299" t="s">
        <v>1031</v>
      </c>
      <c r="F37" s="328" t="s">
        <v>231</v>
      </c>
      <c r="G37" s="743" t="s">
        <v>361</v>
      </c>
    </row>
    <row r="38" spans="1:7" s="126" customFormat="1" ht="20.100000000000001" customHeight="1">
      <c r="A38" s="164"/>
      <c r="B38" s="164"/>
      <c r="C38" s="168"/>
      <c r="D38" s="169"/>
      <c r="E38" s="301" t="s">
        <v>1030</v>
      </c>
      <c r="F38" s="39" t="s">
        <v>602</v>
      </c>
      <c r="G38" s="743"/>
    </row>
    <row r="39" spans="1:7" s="126" customFormat="1" ht="80.099999999999994" customHeight="1">
      <c r="A39" s="170"/>
      <c r="B39" s="171"/>
      <c r="C39" s="172"/>
      <c r="D39" s="348">
        <v>6</v>
      </c>
      <c r="E39" s="70" t="s">
        <v>428</v>
      </c>
      <c r="F39" s="70" t="s">
        <v>429</v>
      </c>
      <c r="G39" s="720" t="s">
        <v>361</v>
      </c>
    </row>
    <row r="40" spans="1:7" s="126" customFormat="1" ht="69.95" customHeight="1">
      <c r="A40" s="164"/>
      <c r="B40" s="164"/>
      <c r="C40" s="168"/>
      <c r="D40" s="169"/>
      <c r="E40" s="39" t="s">
        <v>377</v>
      </c>
      <c r="F40" s="39" t="s">
        <v>376</v>
      </c>
      <c r="G40" s="720"/>
    </row>
    <row r="41" spans="1:7" s="126" customFormat="1" ht="39.950000000000003" customHeight="1">
      <c r="A41" s="170"/>
      <c r="B41" s="171"/>
      <c r="C41" s="172"/>
      <c r="D41" s="298">
        <v>7</v>
      </c>
      <c r="E41" s="678" t="s">
        <v>1032</v>
      </c>
      <c r="F41" s="328" t="s">
        <v>340</v>
      </c>
      <c r="G41" s="720" t="s">
        <v>361</v>
      </c>
    </row>
    <row r="42" spans="1:7" s="126" customFormat="1" ht="20.100000000000001" customHeight="1">
      <c r="A42" s="164"/>
      <c r="B42" s="164"/>
      <c r="C42" s="168"/>
      <c r="D42" s="300"/>
      <c r="E42" s="301" t="s">
        <v>1033</v>
      </c>
      <c r="F42" s="39" t="s">
        <v>48</v>
      </c>
      <c r="G42" s="720"/>
    </row>
    <row r="43" spans="1:7" s="127" customFormat="1" ht="16.5">
      <c r="A43" s="162"/>
      <c r="B43" s="163"/>
      <c r="C43" s="744" t="s">
        <v>959</v>
      </c>
      <c r="D43" s="733"/>
      <c r="E43" s="733"/>
      <c r="F43" s="733"/>
      <c r="G43" s="733"/>
    </row>
    <row r="44" spans="1:7" s="127" customFormat="1" ht="12.75" customHeight="1">
      <c r="A44" s="164"/>
      <c r="B44" s="164"/>
      <c r="C44" s="721" t="s">
        <v>960</v>
      </c>
      <c r="D44" s="721"/>
      <c r="E44" s="721"/>
      <c r="F44" s="721"/>
      <c r="G44" s="721"/>
    </row>
    <row r="45" spans="1:7" s="127" customFormat="1">
      <c r="A45" s="162"/>
      <c r="B45" s="163"/>
      <c r="C45" s="724" t="s">
        <v>171</v>
      </c>
      <c r="D45" s="724"/>
      <c r="E45" s="724"/>
      <c r="F45" s="724"/>
      <c r="G45" s="724"/>
    </row>
    <row r="46" spans="1:7" s="127" customFormat="1" ht="12.75">
      <c r="A46" s="164"/>
      <c r="B46" s="164"/>
      <c r="C46" s="725" t="s">
        <v>64</v>
      </c>
      <c r="D46" s="725"/>
      <c r="E46" s="725"/>
      <c r="F46" s="725"/>
      <c r="G46" s="725"/>
    </row>
    <row r="47" spans="1:7" s="127" customFormat="1">
      <c r="A47" s="162"/>
      <c r="B47" s="163"/>
      <c r="C47" s="724" t="s">
        <v>1034</v>
      </c>
      <c r="D47" s="724"/>
      <c r="E47" s="724"/>
      <c r="F47" s="724"/>
      <c r="G47" s="724"/>
    </row>
    <row r="48" spans="1:7" s="127" customFormat="1" ht="12.75">
      <c r="A48" s="164"/>
      <c r="B48" s="164"/>
      <c r="C48" s="725" t="s">
        <v>912</v>
      </c>
      <c r="D48" s="725"/>
      <c r="E48" s="725"/>
      <c r="F48" s="725"/>
      <c r="G48" s="725"/>
    </row>
    <row r="49" spans="1:7" s="127" customFormat="1">
      <c r="A49" s="129"/>
      <c r="B49" s="349"/>
      <c r="D49" s="350"/>
      <c r="E49" s="745" t="s">
        <v>629</v>
      </c>
      <c r="F49" s="747"/>
    </row>
    <row r="50" spans="1:7" s="127" customFormat="1">
      <c r="A50" s="129"/>
      <c r="B50" s="349"/>
      <c r="D50" s="350"/>
      <c r="E50" s="746"/>
      <c r="F50" s="747"/>
    </row>
    <row r="51" spans="1:7" s="126" customFormat="1" ht="21.75" customHeight="1">
      <c r="A51" s="159"/>
      <c r="B51" s="160"/>
      <c r="C51" s="161"/>
      <c r="D51" s="161"/>
      <c r="E51" s="746"/>
      <c r="F51" s="748"/>
    </row>
    <row r="52" spans="1:7" s="126" customFormat="1">
      <c r="A52" s="159"/>
      <c r="B52" s="160"/>
      <c r="C52" s="161"/>
      <c r="D52" s="161"/>
      <c r="E52" s="749" t="s">
        <v>630</v>
      </c>
      <c r="F52" s="747"/>
    </row>
    <row r="53" spans="1:7" s="126" customFormat="1" ht="21.75" customHeight="1">
      <c r="A53" s="159"/>
      <c r="B53" s="160"/>
      <c r="D53" s="241"/>
      <c r="E53" s="750"/>
      <c r="F53" s="748"/>
    </row>
    <row r="54" spans="1:7" s="126" customFormat="1">
      <c r="A54" s="159"/>
      <c r="B54" s="160"/>
      <c r="D54" s="241"/>
      <c r="F54" s="351" t="s">
        <v>631</v>
      </c>
    </row>
    <row r="55" spans="1:7" s="127" customFormat="1" ht="12.75">
      <c r="A55" s="164"/>
      <c r="B55" s="164"/>
      <c r="C55" s="168"/>
      <c r="D55" s="306"/>
      <c r="E55" s="307"/>
      <c r="F55" s="307"/>
      <c r="G55" s="168"/>
    </row>
    <row r="56" spans="1:7" s="127" customFormat="1" ht="12.75">
      <c r="A56" s="164"/>
      <c r="B56" s="164"/>
      <c r="C56" s="168"/>
      <c r="D56" s="306"/>
      <c r="E56" s="307"/>
      <c r="F56" s="307"/>
      <c r="G56" s="168"/>
    </row>
    <row r="57" spans="1:7" s="126" customFormat="1" ht="12.75">
      <c r="A57" s="718" t="s">
        <v>585</v>
      </c>
      <c r="B57" s="718"/>
      <c r="C57" s="718"/>
      <c r="D57" s="718"/>
      <c r="E57" s="718"/>
      <c r="F57" s="718"/>
      <c r="G57" s="718"/>
    </row>
    <row r="58" spans="1:7" s="126" customFormat="1">
      <c r="A58" s="159"/>
      <c r="B58" s="160"/>
      <c r="D58" s="241"/>
    </row>
  </sheetData>
  <sheetProtection algorithmName="SHA-512" hashValue="CdZwkxZNQHGZ57RFbHYR9IexVfDoDzm0maBBNbceb4z00WCHBL7p1nUZudZLV3HThIH7JxtjKBYSnvsF32K6jg==" saltValue="7CztbwYqFS8w5kn6dT4/8Q==" spinCount="100000" sheet="1" selectLockedCells="1"/>
  <mergeCells count="19">
    <mergeCell ref="A57:G57"/>
    <mergeCell ref="C46:G46"/>
    <mergeCell ref="C45:G45"/>
    <mergeCell ref="G39:G40"/>
    <mergeCell ref="G41:G42"/>
    <mergeCell ref="C47:G47"/>
    <mergeCell ref="C48:G48"/>
    <mergeCell ref="E49:E51"/>
    <mergeCell ref="F49:F51"/>
    <mergeCell ref="E52:E53"/>
    <mergeCell ref="F52:F53"/>
    <mergeCell ref="G37:G38"/>
    <mergeCell ref="C43:G43"/>
    <mergeCell ref="C44:G44"/>
    <mergeCell ref="G29:G30"/>
    <mergeCell ref="C27:G27"/>
    <mergeCell ref="G31:G32"/>
    <mergeCell ref="G33:G34"/>
    <mergeCell ref="G35:G36"/>
  </mergeCells>
  <phoneticPr fontId="7"/>
  <conditionalFormatting sqref="G29:G42">
    <cfRule type="cellIs" dxfId="166" priority="1" operator="equal">
      <formula>"Not Applicable"</formula>
    </cfRule>
  </conditionalFormatting>
  <dataValidations count="1">
    <dataValidation type="list" showInputMessage="1" showErrorMessage="1" promptTitle="入力内容" prompt="判定基準を満たす： Applicable_x000a_満たさない： Not Applicable" sqref="G29:G42" xr:uid="{58326AA0-4AD5-431C-9579-6CE9A7A98C3C}">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68" orientation="portrait" r:id="rId1"/>
  <headerFooter>
    <oddFooter>&amp;LC. Candidate&amp;RV.15.0 (revised on Oct. 2023)</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C15C72-2163-41C4-9CE0-7C13BC103C03}">
  <sheetPr>
    <tabColor rgb="FFFFFF00"/>
  </sheetPr>
  <dimension ref="A1:O116"/>
  <sheetViews>
    <sheetView showGridLines="0" view="pageBreakPreview" topLeftCell="A2" zoomScale="90" zoomScaleNormal="80" zoomScaleSheetLayoutView="90" zoomScalePageLayoutView="70" workbookViewId="0">
      <selection activeCell="K3" sqref="K3:M3"/>
    </sheetView>
  </sheetViews>
  <sheetFormatPr defaultRowHeight="14.25"/>
  <cols>
    <col min="1" max="1" width="2.28515625" style="439" customWidth="1"/>
    <col min="2" max="2" width="5.7109375" style="441" customWidth="1"/>
    <col min="3" max="3" width="9.85546875" style="439" customWidth="1"/>
    <col min="4" max="4" width="30.28515625" style="439" customWidth="1"/>
    <col min="5" max="5" width="20" style="439" customWidth="1"/>
    <col min="6" max="6" width="23.85546875" style="439" customWidth="1"/>
    <col min="7" max="7" width="14.5703125" style="439" customWidth="1"/>
    <col min="8" max="8" width="20.28515625" style="439" customWidth="1"/>
    <col min="9" max="9" width="16.85546875" style="439" customWidth="1"/>
    <col min="10" max="10" width="18.5703125" style="439" customWidth="1"/>
    <col min="11" max="11" width="13.5703125" style="439" customWidth="1"/>
    <col min="12" max="12" width="12.140625" style="439" customWidth="1"/>
    <col min="13" max="13" width="13.5703125" style="439" customWidth="1"/>
    <col min="14" max="14" width="1.7109375" style="439" customWidth="1"/>
    <col min="15" max="15" width="53" style="439" customWidth="1"/>
    <col min="16" max="16" width="9.42578125" style="439" bestFit="1" customWidth="1"/>
    <col min="17" max="257" width="9.140625" style="439"/>
    <col min="258" max="258" width="2.28515625" style="439" customWidth="1"/>
    <col min="259" max="259" width="3.85546875" style="439" customWidth="1"/>
    <col min="260" max="260" width="9.85546875" style="439" customWidth="1"/>
    <col min="261" max="261" width="30.28515625" style="439" customWidth="1"/>
    <col min="262" max="262" width="23.85546875" style="439" customWidth="1"/>
    <col min="263" max="263" width="14.5703125" style="439" customWidth="1"/>
    <col min="264" max="264" width="20.28515625" style="439" customWidth="1"/>
    <col min="265" max="265" width="16.85546875" style="439" customWidth="1"/>
    <col min="266" max="266" width="18.5703125" style="439" customWidth="1"/>
    <col min="267" max="267" width="13.5703125" style="439" customWidth="1"/>
    <col min="268" max="268" width="12.140625" style="439" customWidth="1"/>
    <col min="269" max="269" width="13.5703125" style="439" customWidth="1"/>
    <col min="270" max="270" width="1.7109375" style="439" customWidth="1"/>
    <col min="271" max="271" width="9.140625" style="439"/>
    <col min="272" max="272" width="9.42578125" style="439" bestFit="1" customWidth="1"/>
    <col min="273" max="513" width="9.140625" style="439"/>
    <col min="514" max="514" width="2.28515625" style="439" customWidth="1"/>
    <col min="515" max="515" width="3.85546875" style="439" customWidth="1"/>
    <col min="516" max="516" width="9.85546875" style="439" customWidth="1"/>
    <col min="517" max="517" width="30.28515625" style="439" customWidth="1"/>
    <col min="518" max="518" width="23.85546875" style="439" customWidth="1"/>
    <col min="519" max="519" width="14.5703125" style="439" customWidth="1"/>
    <col min="520" max="520" width="20.28515625" style="439" customWidth="1"/>
    <col min="521" max="521" width="16.85546875" style="439" customWidth="1"/>
    <col min="522" max="522" width="18.5703125" style="439" customWidth="1"/>
    <col min="523" max="523" width="13.5703125" style="439" customWidth="1"/>
    <col min="524" max="524" width="12.140625" style="439" customWidth="1"/>
    <col min="525" max="525" width="13.5703125" style="439" customWidth="1"/>
    <col min="526" max="526" width="1.7109375" style="439" customWidth="1"/>
    <col min="527" max="527" width="9.140625" style="439"/>
    <col min="528" max="528" width="9.42578125" style="439" bestFit="1" customWidth="1"/>
    <col min="529" max="769" width="9.140625" style="439"/>
    <col min="770" max="770" width="2.28515625" style="439" customWidth="1"/>
    <col min="771" max="771" width="3.85546875" style="439" customWidth="1"/>
    <col min="772" max="772" width="9.85546875" style="439" customWidth="1"/>
    <col min="773" max="773" width="30.28515625" style="439" customWidth="1"/>
    <col min="774" max="774" width="23.85546875" style="439" customWidth="1"/>
    <col min="775" max="775" width="14.5703125" style="439" customWidth="1"/>
    <col min="776" max="776" width="20.28515625" style="439" customWidth="1"/>
    <col min="777" max="777" width="16.85546875" style="439" customWidth="1"/>
    <col min="778" max="778" width="18.5703125" style="439" customWidth="1"/>
    <col min="779" max="779" width="13.5703125" style="439" customWidth="1"/>
    <col min="780" max="780" width="12.140625" style="439" customWidth="1"/>
    <col min="781" max="781" width="13.5703125" style="439" customWidth="1"/>
    <col min="782" max="782" width="1.7109375" style="439" customWidth="1"/>
    <col min="783" max="783" width="9.140625" style="439"/>
    <col min="784" max="784" width="9.42578125" style="439" bestFit="1" customWidth="1"/>
    <col min="785" max="1025" width="9.140625" style="439"/>
    <col min="1026" max="1026" width="2.28515625" style="439" customWidth="1"/>
    <col min="1027" max="1027" width="3.85546875" style="439" customWidth="1"/>
    <col min="1028" max="1028" width="9.85546875" style="439" customWidth="1"/>
    <col min="1029" max="1029" width="30.28515625" style="439" customWidth="1"/>
    <col min="1030" max="1030" width="23.85546875" style="439" customWidth="1"/>
    <col min="1031" max="1031" width="14.5703125" style="439" customWidth="1"/>
    <col min="1032" max="1032" width="20.28515625" style="439" customWidth="1"/>
    <col min="1033" max="1033" width="16.85546875" style="439" customWidth="1"/>
    <col min="1034" max="1034" width="18.5703125" style="439" customWidth="1"/>
    <col min="1035" max="1035" width="13.5703125" style="439" customWidth="1"/>
    <col min="1036" max="1036" width="12.140625" style="439" customWidth="1"/>
    <col min="1037" max="1037" width="13.5703125" style="439" customWidth="1"/>
    <col min="1038" max="1038" width="1.7109375" style="439" customWidth="1"/>
    <col min="1039" max="1039" width="9.140625" style="439"/>
    <col min="1040" max="1040" width="9.42578125" style="439" bestFit="1" customWidth="1"/>
    <col min="1041" max="1281" width="9.140625" style="439"/>
    <col min="1282" max="1282" width="2.28515625" style="439" customWidth="1"/>
    <col min="1283" max="1283" width="3.85546875" style="439" customWidth="1"/>
    <col min="1284" max="1284" width="9.85546875" style="439" customWidth="1"/>
    <col min="1285" max="1285" width="30.28515625" style="439" customWidth="1"/>
    <col min="1286" max="1286" width="23.85546875" style="439" customWidth="1"/>
    <col min="1287" max="1287" width="14.5703125" style="439" customWidth="1"/>
    <col min="1288" max="1288" width="20.28515625" style="439" customWidth="1"/>
    <col min="1289" max="1289" width="16.85546875" style="439" customWidth="1"/>
    <col min="1290" max="1290" width="18.5703125" style="439" customWidth="1"/>
    <col min="1291" max="1291" width="13.5703125" style="439" customWidth="1"/>
    <col min="1292" max="1292" width="12.140625" style="439" customWidth="1"/>
    <col min="1293" max="1293" width="13.5703125" style="439" customWidth="1"/>
    <col min="1294" max="1294" width="1.7109375" style="439" customWidth="1"/>
    <col min="1295" max="1295" width="9.140625" style="439"/>
    <col min="1296" max="1296" width="9.42578125" style="439" bestFit="1" customWidth="1"/>
    <col min="1297" max="1537" width="9.140625" style="439"/>
    <col min="1538" max="1538" width="2.28515625" style="439" customWidth="1"/>
    <col min="1539" max="1539" width="3.85546875" style="439" customWidth="1"/>
    <col min="1540" max="1540" width="9.85546875" style="439" customWidth="1"/>
    <col min="1541" max="1541" width="30.28515625" style="439" customWidth="1"/>
    <col min="1542" max="1542" width="23.85546875" style="439" customWidth="1"/>
    <col min="1543" max="1543" width="14.5703125" style="439" customWidth="1"/>
    <col min="1544" max="1544" width="20.28515625" style="439" customWidth="1"/>
    <col min="1545" max="1545" width="16.85546875" style="439" customWidth="1"/>
    <col min="1546" max="1546" width="18.5703125" style="439" customWidth="1"/>
    <col min="1547" max="1547" width="13.5703125" style="439" customWidth="1"/>
    <col min="1548" max="1548" width="12.140625" style="439" customWidth="1"/>
    <col min="1549" max="1549" width="13.5703125" style="439" customWidth="1"/>
    <col min="1550" max="1550" width="1.7109375" style="439" customWidth="1"/>
    <col min="1551" max="1551" width="9.140625" style="439"/>
    <col min="1552" max="1552" width="9.42578125" style="439" bestFit="1" customWidth="1"/>
    <col min="1553" max="1793" width="9.140625" style="439"/>
    <col min="1794" max="1794" width="2.28515625" style="439" customWidth="1"/>
    <col min="1795" max="1795" width="3.85546875" style="439" customWidth="1"/>
    <col min="1796" max="1796" width="9.85546875" style="439" customWidth="1"/>
    <col min="1797" max="1797" width="30.28515625" style="439" customWidth="1"/>
    <col min="1798" max="1798" width="23.85546875" style="439" customWidth="1"/>
    <col min="1799" max="1799" width="14.5703125" style="439" customWidth="1"/>
    <col min="1800" max="1800" width="20.28515625" style="439" customWidth="1"/>
    <col min="1801" max="1801" width="16.85546875" style="439" customWidth="1"/>
    <col min="1802" max="1802" width="18.5703125" style="439" customWidth="1"/>
    <col min="1803" max="1803" width="13.5703125" style="439" customWidth="1"/>
    <col min="1804" max="1804" width="12.140625" style="439" customWidth="1"/>
    <col min="1805" max="1805" width="13.5703125" style="439" customWidth="1"/>
    <col min="1806" max="1806" width="1.7109375" style="439" customWidth="1"/>
    <col min="1807" max="1807" width="9.140625" style="439"/>
    <col min="1808" max="1808" width="9.42578125" style="439" bestFit="1" customWidth="1"/>
    <col min="1809" max="2049" width="9.140625" style="439"/>
    <col min="2050" max="2050" width="2.28515625" style="439" customWidth="1"/>
    <col min="2051" max="2051" width="3.85546875" style="439" customWidth="1"/>
    <col min="2052" max="2052" width="9.85546875" style="439" customWidth="1"/>
    <col min="2053" max="2053" width="30.28515625" style="439" customWidth="1"/>
    <col min="2054" max="2054" width="23.85546875" style="439" customWidth="1"/>
    <col min="2055" max="2055" width="14.5703125" style="439" customWidth="1"/>
    <col min="2056" max="2056" width="20.28515625" style="439" customWidth="1"/>
    <col min="2057" max="2057" width="16.85546875" style="439" customWidth="1"/>
    <col min="2058" max="2058" width="18.5703125" style="439" customWidth="1"/>
    <col min="2059" max="2059" width="13.5703125" style="439" customWidth="1"/>
    <col min="2060" max="2060" width="12.140625" style="439" customWidth="1"/>
    <col min="2061" max="2061" width="13.5703125" style="439" customWidth="1"/>
    <col min="2062" max="2062" width="1.7109375" style="439" customWidth="1"/>
    <col min="2063" max="2063" width="9.140625" style="439"/>
    <col min="2064" max="2064" width="9.42578125" style="439" bestFit="1" customWidth="1"/>
    <col min="2065" max="2305" width="9.140625" style="439"/>
    <col min="2306" max="2306" width="2.28515625" style="439" customWidth="1"/>
    <col min="2307" max="2307" width="3.85546875" style="439" customWidth="1"/>
    <col min="2308" max="2308" width="9.85546875" style="439" customWidth="1"/>
    <col min="2309" max="2309" width="30.28515625" style="439" customWidth="1"/>
    <col min="2310" max="2310" width="23.85546875" style="439" customWidth="1"/>
    <col min="2311" max="2311" width="14.5703125" style="439" customWidth="1"/>
    <col min="2312" max="2312" width="20.28515625" style="439" customWidth="1"/>
    <col min="2313" max="2313" width="16.85546875" style="439" customWidth="1"/>
    <col min="2314" max="2314" width="18.5703125" style="439" customWidth="1"/>
    <col min="2315" max="2315" width="13.5703125" style="439" customWidth="1"/>
    <col min="2316" max="2316" width="12.140625" style="439" customWidth="1"/>
    <col min="2317" max="2317" width="13.5703125" style="439" customWidth="1"/>
    <col min="2318" max="2318" width="1.7109375" style="439" customWidth="1"/>
    <col min="2319" max="2319" width="9.140625" style="439"/>
    <col min="2320" max="2320" width="9.42578125" style="439" bestFit="1" customWidth="1"/>
    <col min="2321" max="2561" width="9.140625" style="439"/>
    <col min="2562" max="2562" width="2.28515625" style="439" customWidth="1"/>
    <col min="2563" max="2563" width="3.85546875" style="439" customWidth="1"/>
    <col min="2564" max="2564" width="9.85546875" style="439" customWidth="1"/>
    <col min="2565" max="2565" width="30.28515625" style="439" customWidth="1"/>
    <col min="2566" max="2566" width="23.85546875" style="439" customWidth="1"/>
    <col min="2567" max="2567" width="14.5703125" style="439" customWidth="1"/>
    <col min="2568" max="2568" width="20.28515625" style="439" customWidth="1"/>
    <col min="2569" max="2569" width="16.85546875" style="439" customWidth="1"/>
    <col min="2570" max="2570" width="18.5703125" style="439" customWidth="1"/>
    <col min="2571" max="2571" width="13.5703125" style="439" customWidth="1"/>
    <col min="2572" max="2572" width="12.140625" style="439" customWidth="1"/>
    <col min="2573" max="2573" width="13.5703125" style="439" customWidth="1"/>
    <col min="2574" max="2574" width="1.7109375" style="439" customWidth="1"/>
    <col min="2575" max="2575" width="9.140625" style="439"/>
    <col min="2576" max="2576" width="9.42578125" style="439" bestFit="1" customWidth="1"/>
    <col min="2577" max="2817" width="9.140625" style="439"/>
    <col min="2818" max="2818" width="2.28515625" style="439" customWidth="1"/>
    <col min="2819" max="2819" width="3.85546875" style="439" customWidth="1"/>
    <col min="2820" max="2820" width="9.85546875" style="439" customWidth="1"/>
    <col min="2821" max="2821" width="30.28515625" style="439" customWidth="1"/>
    <col min="2822" max="2822" width="23.85546875" style="439" customWidth="1"/>
    <col min="2823" max="2823" width="14.5703125" style="439" customWidth="1"/>
    <col min="2824" max="2824" width="20.28515625" style="439" customWidth="1"/>
    <col min="2825" max="2825" width="16.85546875" style="439" customWidth="1"/>
    <col min="2826" max="2826" width="18.5703125" style="439" customWidth="1"/>
    <col min="2827" max="2827" width="13.5703125" style="439" customWidth="1"/>
    <col min="2828" max="2828" width="12.140625" style="439" customWidth="1"/>
    <col min="2829" max="2829" width="13.5703125" style="439" customWidth="1"/>
    <col min="2830" max="2830" width="1.7109375" style="439" customWidth="1"/>
    <col min="2831" max="2831" width="9.140625" style="439"/>
    <col min="2832" max="2832" width="9.42578125" style="439" bestFit="1" customWidth="1"/>
    <col min="2833" max="3073" width="9.140625" style="439"/>
    <col min="3074" max="3074" width="2.28515625" style="439" customWidth="1"/>
    <col min="3075" max="3075" width="3.85546875" style="439" customWidth="1"/>
    <col min="3076" max="3076" width="9.85546875" style="439" customWidth="1"/>
    <col min="3077" max="3077" width="30.28515625" style="439" customWidth="1"/>
    <col min="3078" max="3078" width="23.85546875" style="439" customWidth="1"/>
    <col min="3079" max="3079" width="14.5703125" style="439" customWidth="1"/>
    <col min="3080" max="3080" width="20.28515625" style="439" customWidth="1"/>
    <col min="3081" max="3081" width="16.85546875" style="439" customWidth="1"/>
    <col min="3082" max="3082" width="18.5703125" style="439" customWidth="1"/>
    <col min="3083" max="3083" width="13.5703125" style="439" customWidth="1"/>
    <col min="3084" max="3084" width="12.140625" style="439" customWidth="1"/>
    <col min="3085" max="3085" width="13.5703125" style="439" customWidth="1"/>
    <col min="3086" max="3086" width="1.7109375" style="439" customWidth="1"/>
    <col min="3087" max="3087" width="9.140625" style="439"/>
    <col min="3088" max="3088" width="9.42578125" style="439" bestFit="1" customWidth="1"/>
    <col min="3089" max="3329" width="9.140625" style="439"/>
    <col min="3330" max="3330" width="2.28515625" style="439" customWidth="1"/>
    <col min="3331" max="3331" width="3.85546875" style="439" customWidth="1"/>
    <col min="3332" max="3332" width="9.85546875" style="439" customWidth="1"/>
    <col min="3333" max="3333" width="30.28515625" style="439" customWidth="1"/>
    <col min="3334" max="3334" width="23.85546875" style="439" customWidth="1"/>
    <col min="3335" max="3335" width="14.5703125" style="439" customWidth="1"/>
    <col min="3336" max="3336" width="20.28515625" style="439" customWidth="1"/>
    <col min="3337" max="3337" width="16.85546875" style="439" customWidth="1"/>
    <col min="3338" max="3338" width="18.5703125" style="439" customWidth="1"/>
    <col min="3339" max="3339" width="13.5703125" style="439" customWidth="1"/>
    <col min="3340" max="3340" width="12.140625" style="439" customWidth="1"/>
    <col min="3341" max="3341" width="13.5703125" style="439" customWidth="1"/>
    <col min="3342" max="3342" width="1.7109375" style="439" customWidth="1"/>
    <col min="3343" max="3343" width="9.140625" style="439"/>
    <col min="3344" max="3344" width="9.42578125" style="439" bestFit="1" customWidth="1"/>
    <col min="3345" max="3585" width="9.140625" style="439"/>
    <col min="3586" max="3586" width="2.28515625" style="439" customWidth="1"/>
    <col min="3587" max="3587" width="3.85546875" style="439" customWidth="1"/>
    <col min="3588" max="3588" width="9.85546875" style="439" customWidth="1"/>
    <col min="3589" max="3589" width="30.28515625" style="439" customWidth="1"/>
    <col min="3590" max="3590" width="23.85546875" style="439" customWidth="1"/>
    <col min="3591" max="3591" width="14.5703125" style="439" customWidth="1"/>
    <col min="3592" max="3592" width="20.28515625" style="439" customWidth="1"/>
    <col min="3593" max="3593" width="16.85546875" style="439" customWidth="1"/>
    <col min="3594" max="3594" width="18.5703125" style="439" customWidth="1"/>
    <col min="3595" max="3595" width="13.5703125" style="439" customWidth="1"/>
    <col min="3596" max="3596" width="12.140625" style="439" customWidth="1"/>
    <col min="3597" max="3597" width="13.5703125" style="439" customWidth="1"/>
    <col min="3598" max="3598" width="1.7109375" style="439" customWidth="1"/>
    <col min="3599" max="3599" width="9.140625" style="439"/>
    <col min="3600" max="3600" width="9.42578125" style="439" bestFit="1" customWidth="1"/>
    <col min="3601" max="3841" width="9.140625" style="439"/>
    <col min="3842" max="3842" width="2.28515625" style="439" customWidth="1"/>
    <col min="3843" max="3843" width="3.85546875" style="439" customWidth="1"/>
    <col min="3844" max="3844" width="9.85546875" style="439" customWidth="1"/>
    <col min="3845" max="3845" width="30.28515625" style="439" customWidth="1"/>
    <col min="3846" max="3846" width="23.85546875" style="439" customWidth="1"/>
    <col min="3847" max="3847" width="14.5703125" style="439" customWidth="1"/>
    <col min="3848" max="3848" width="20.28515625" style="439" customWidth="1"/>
    <col min="3849" max="3849" width="16.85546875" style="439" customWidth="1"/>
    <col min="3850" max="3850" width="18.5703125" style="439" customWidth="1"/>
    <col min="3851" max="3851" width="13.5703125" style="439" customWidth="1"/>
    <col min="3852" max="3852" width="12.140625" style="439" customWidth="1"/>
    <col min="3853" max="3853" width="13.5703125" style="439" customWidth="1"/>
    <col min="3854" max="3854" width="1.7109375" style="439" customWidth="1"/>
    <col min="3855" max="3855" width="9.140625" style="439"/>
    <col min="3856" max="3856" width="9.42578125" style="439" bestFit="1" customWidth="1"/>
    <col min="3857" max="4097" width="9.140625" style="439"/>
    <col min="4098" max="4098" width="2.28515625" style="439" customWidth="1"/>
    <col min="4099" max="4099" width="3.85546875" style="439" customWidth="1"/>
    <col min="4100" max="4100" width="9.85546875" style="439" customWidth="1"/>
    <col min="4101" max="4101" width="30.28515625" style="439" customWidth="1"/>
    <col min="4102" max="4102" width="23.85546875" style="439" customWidth="1"/>
    <col min="4103" max="4103" width="14.5703125" style="439" customWidth="1"/>
    <col min="4104" max="4104" width="20.28515625" style="439" customWidth="1"/>
    <col min="4105" max="4105" width="16.85546875" style="439" customWidth="1"/>
    <col min="4106" max="4106" width="18.5703125" style="439" customWidth="1"/>
    <col min="4107" max="4107" width="13.5703125" style="439" customWidth="1"/>
    <col min="4108" max="4108" width="12.140625" style="439" customWidth="1"/>
    <col min="4109" max="4109" width="13.5703125" style="439" customWidth="1"/>
    <col min="4110" max="4110" width="1.7109375" style="439" customWidth="1"/>
    <col min="4111" max="4111" width="9.140625" style="439"/>
    <col min="4112" max="4112" width="9.42578125" style="439" bestFit="1" customWidth="1"/>
    <col min="4113" max="4353" width="9.140625" style="439"/>
    <col min="4354" max="4354" width="2.28515625" style="439" customWidth="1"/>
    <col min="4355" max="4355" width="3.85546875" style="439" customWidth="1"/>
    <col min="4356" max="4356" width="9.85546875" style="439" customWidth="1"/>
    <col min="4357" max="4357" width="30.28515625" style="439" customWidth="1"/>
    <col min="4358" max="4358" width="23.85546875" style="439" customWidth="1"/>
    <col min="4359" max="4359" width="14.5703125" style="439" customWidth="1"/>
    <col min="4360" max="4360" width="20.28515625" style="439" customWidth="1"/>
    <col min="4361" max="4361" width="16.85546875" style="439" customWidth="1"/>
    <col min="4362" max="4362" width="18.5703125" style="439" customWidth="1"/>
    <col min="4363" max="4363" width="13.5703125" style="439" customWidth="1"/>
    <col min="4364" max="4364" width="12.140625" style="439" customWidth="1"/>
    <col min="4365" max="4365" width="13.5703125" style="439" customWidth="1"/>
    <col min="4366" max="4366" width="1.7109375" style="439" customWidth="1"/>
    <col min="4367" max="4367" width="9.140625" style="439"/>
    <col min="4368" max="4368" width="9.42578125" style="439" bestFit="1" customWidth="1"/>
    <col min="4369" max="4609" width="9.140625" style="439"/>
    <col min="4610" max="4610" width="2.28515625" style="439" customWidth="1"/>
    <col min="4611" max="4611" width="3.85546875" style="439" customWidth="1"/>
    <col min="4612" max="4612" width="9.85546875" style="439" customWidth="1"/>
    <col min="4613" max="4613" width="30.28515625" style="439" customWidth="1"/>
    <col min="4614" max="4614" width="23.85546875" style="439" customWidth="1"/>
    <col min="4615" max="4615" width="14.5703125" style="439" customWidth="1"/>
    <col min="4616" max="4616" width="20.28515625" style="439" customWidth="1"/>
    <col min="4617" max="4617" width="16.85546875" style="439" customWidth="1"/>
    <col min="4618" max="4618" width="18.5703125" style="439" customWidth="1"/>
    <col min="4619" max="4619" width="13.5703125" style="439" customWidth="1"/>
    <col min="4620" max="4620" width="12.140625" style="439" customWidth="1"/>
    <col min="4621" max="4621" width="13.5703125" style="439" customWidth="1"/>
    <col min="4622" max="4622" width="1.7109375" style="439" customWidth="1"/>
    <col min="4623" max="4623" width="9.140625" style="439"/>
    <col min="4624" max="4624" width="9.42578125" style="439" bestFit="1" customWidth="1"/>
    <col min="4625" max="4865" width="9.140625" style="439"/>
    <col min="4866" max="4866" width="2.28515625" style="439" customWidth="1"/>
    <col min="4867" max="4867" width="3.85546875" style="439" customWidth="1"/>
    <col min="4868" max="4868" width="9.85546875" style="439" customWidth="1"/>
    <col min="4869" max="4869" width="30.28515625" style="439" customWidth="1"/>
    <col min="4870" max="4870" width="23.85546875" style="439" customWidth="1"/>
    <col min="4871" max="4871" width="14.5703125" style="439" customWidth="1"/>
    <col min="4872" max="4872" width="20.28515625" style="439" customWidth="1"/>
    <col min="4873" max="4873" width="16.85546875" style="439" customWidth="1"/>
    <col min="4874" max="4874" width="18.5703125" style="439" customWidth="1"/>
    <col min="4875" max="4875" width="13.5703125" style="439" customWidth="1"/>
    <col min="4876" max="4876" width="12.140625" style="439" customWidth="1"/>
    <col min="4877" max="4877" width="13.5703125" style="439" customWidth="1"/>
    <col min="4878" max="4878" width="1.7109375" style="439" customWidth="1"/>
    <col min="4879" max="4879" width="9.140625" style="439"/>
    <col min="4880" max="4880" width="9.42578125" style="439" bestFit="1" customWidth="1"/>
    <col min="4881" max="5121" width="9.140625" style="439"/>
    <col min="5122" max="5122" width="2.28515625" style="439" customWidth="1"/>
    <col min="5123" max="5123" width="3.85546875" style="439" customWidth="1"/>
    <col min="5124" max="5124" width="9.85546875" style="439" customWidth="1"/>
    <col min="5125" max="5125" width="30.28515625" style="439" customWidth="1"/>
    <col min="5126" max="5126" width="23.85546875" style="439" customWidth="1"/>
    <col min="5127" max="5127" width="14.5703125" style="439" customWidth="1"/>
    <col min="5128" max="5128" width="20.28515625" style="439" customWidth="1"/>
    <col min="5129" max="5129" width="16.85546875" style="439" customWidth="1"/>
    <col min="5130" max="5130" width="18.5703125" style="439" customWidth="1"/>
    <col min="5131" max="5131" width="13.5703125" style="439" customWidth="1"/>
    <col min="5132" max="5132" width="12.140625" style="439" customWidth="1"/>
    <col min="5133" max="5133" width="13.5703125" style="439" customWidth="1"/>
    <col min="5134" max="5134" width="1.7109375" style="439" customWidth="1"/>
    <col min="5135" max="5135" width="9.140625" style="439"/>
    <col min="5136" max="5136" width="9.42578125" style="439" bestFit="1" customWidth="1"/>
    <col min="5137" max="5377" width="9.140625" style="439"/>
    <col min="5378" max="5378" width="2.28515625" style="439" customWidth="1"/>
    <col min="5379" max="5379" width="3.85546875" style="439" customWidth="1"/>
    <col min="5380" max="5380" width="9.85546875" style="439" customWidth="1"/>
    <col min="5381" max="5381" width="30.28515625" style="439" customWidth="1"/>
    <col min="5382" max="5382" width="23.85546875" style="439" customWidth="1"/>
    <col min="5383" max="5383" width="14.5703125" style="439" customWidth="1"/>
    <col min="5384" max="5384" width="20.28515625" style="439" customWidth="1"/>
    <col min="5385" max="5385" width="16.85546875" style="439" customWidth="1"/>
    <col min="5386" max="5386" width="18.5703125" style="439" customWidth="1"/>
    <col min="5387" max="5387" width="13.5703125" style="439" customWidth="1"/>
    <col min="5388" max="5388" width="12.140625" style="439" customWidth="1"/>
    <col min="5389" max="5389" width="13.5703125" style="439" customWidth="1"/>
    <col min="5390" max="5390" width="1.7109375" style="439" customWidth="1"/>
    <col min="5391" max="5391" width="9.140625" style="439"/>
    <col min="5392" max="5392" width="9.42578125" style="439" bestFit="1" customWidth="1"/>
    <col min="5393" max="5633" width="9.140625" style="439"/>
    <col min="5634" max="5634" width="2.28515625" style="439" customWidth="1"/>
    <col min="5635" max="5635" width="3.85546875" style="439" customWidth="1"/>
    <col min="5636" max="5636" width="9.85546875" style="439" customWidth="1"/>
    <col min="5637" max="5637" width="30.28515625" style="439" customWidth="1"/>
    <col min="5638" max="5638" width="23.85546875" style="439" customWidth="1"/>
    <col min="5639" max="5639" width="14.5703125" style="439" customWidth="1"/>
    <col min="5640" max="5640" width="20.28515625" style="439" customWidth="1"/>
    <col min="5641" max="5641" width="16.85546875" style="439" customWidth="1"/>
    <col min="5642" max="5642" width="18.5703125" style="439" customWidth="1"/>
    <col min="5643" max="5643" width="13.5703125" style="439" customWidth="1"/>
    <col min="5644" max="5644" width="12.140625" style="439" customWidth="1"/>
    <col min="5645" max="5645" width="13.5703125" style="439" customWidth="1"/>
    <col min="5646" max="5646" width="1.7109375" style="439" customWidth="1"/>
    <col min="5647" max="5647" width="9.140625" style="439"/>
    <col min="5648" max="5648" width="9.42578125" style="439" bestFit="1" customWidth="1"/>
    <col min="5649" max="5889" width="9.140625" style="439"/>
    <col min="5890" max="5890" width="2.28515625" style="439" customWidth="1"/>
    <col min="5891" max="5891" width="3.85546875" style="439" customWidth="1"/>
    <col min="5892" max="5892" width="9.85546875" style="439" customWidth="1"/>
    <col min="5893" max="5893" width="30.28515625" style="439" customWidth="1"/>
    <col min="5894" max="5894" width="23.85546875" style="439" customWidth="1"/>
    <col min="5895" max="5895" width="14.5703125" style="439" customWidth="1"/>
    <col min="5896" max="5896" width="20.28515625" style="439" customWidth="1"/>
    <col min="5897" max="5897" width="16.85546875" style="439" customWidth="1"/>
    <col min="5898" max="5898" width="18.5703125" style="439" customWidth="1"/>
    <col min="5899" max="5899" width="13.5703125" style="439" customWidth="1"/>
    <col min="5900" max="5900" width="12.140625" style="439" customWidth="1"/>
    <col min="5901" max="5901" width="13.5703125" style="439" customWidth="1"/>
    <col min="5902" max="5902" width="1.7109375" style="439" customWidth="1"/>
    <col min="5903" max="5903" width="9.140625" style="439"/>
    <col min="5904" max="5904" width="9.42578125" style="439" bestFit="1" customWidth="1"/>
    <col min="5905" max="6145" width="9.140625" style="439"/>
    <col min="6146" max="6146" width="2.28515625" style="439" customWidth="1"/>
    <col min="6147" max="6147" width="3.85546875" style="439" customWidth="1"/>
    <col min="6148" max="6148" width="9.85546875" style="439" customWidth="1"/>
    <col min="6149" max="6149" width="30.28515625" style="439" customWidth="1"/>
    <col min="6150" max="6150" width="23.85546875" style="439" customWidth="1"/>
    <col min="6151" max="6151" width="14.5703125" style="439" customWidth="1"/>
    <col min="6152" max="6152" width="20.28515625" style="439" customWidth="1"/>
    <col min="6153" max="6153" width="16.85546875" style="439" customWidth="1"/>
    <col min="6154" max="6154" width="18.5703125" style="439" customWidth="1"/>
    <col min="6155" max="6155" width="13.5703125" style="439" customWidth="1"/>
    <col min="6156" max="6156" width="12.140625" style="439" customWidth="1"/>
    <col min="6157" max="6157" width="13.5703125" style="439" customWidth="1"/>
    <col min="6158" max="6158" width="1.7109375" style="439" customWidth="1"/>
    <col min="6159" max="6159" width="9.140625" style="439"/>
    <col min="6160" max="6160" width="9.42578125" style="439" bestFit="1" customWidth="1"/>
    <col min="6161" max="6401" width="9.140625" style="439"/>
    <col min="6402" max="6402" width="2.28515625" style="439" customWidth="1"/>
    <col min="6403" max="6403" width="3.85546875" style="439" customWidth="1"/>
    <col min="6404" max="6404" width="9.85546875" style="439" customWidth="1"/>
    <col min="6405" max="6405" width="30.28515625" style="439" customWidth="1"/>
    <col min="6406" max="6406" width="23.85546875" style="439" customWidth="1"/>
    <col min="6407" max="6407" width="14.5703125" style="439" customWidth="1"/>
    <col min="6408" max="6408" width="20.28515625" style="439" customWidth="1"/>
    <col min="6409" max="6409" width="16.85546875" style="439" customWidth="1"/>
    <col min="6410" max="6410" width="18.5703125" style="439" customWidth="1"/>
    <col min="6411" max="6411" width="13.5703125" style="439" customWidth="1"/>
    <col min="6412" max="6412" width="12.140625" style="439" customWidth="1"/>
    <col min="6413" max="6413" width="13.5703125" style="439" customWidth="1"/>
    <col min="6414" max="6414" width="1.7109375" style="439" customWidth="1"/>
    <col min="6415" max="6415" width="9.140625" style="439"/>
    <col min="6416" max="6416" width="9.42578125" style="439" bestFit="1" customWidth="1"/>
    <col min="6417" max="6657" width="9.140625" style="439"/>
    <col min="6658" max="6658" width="2.28515625" style="439" customWidth="1"/>
    <col min="6659" max="6659" width="3.85546875" style="439" customWidth="1"/>
    <col min="6660" max="6660" width="9.85546875" style="439" customWidth="1"/>
    <col min="6661" max="6661" width="30.28515625" style="439" customWidth="1"/>
    <col min="6662" max="6662" width="23.85546875" style="439" customWidth="1"/>
    <col min="6663" max="6663" width="14.5703125" style="439" customWidth="1"/>
    <col min="6664" max="6664" width="20.28515625" style="439" customWidth="1"/>
    <col min="6665" max="6665" width="16.85546875" style="439" customWidth="1"/>
    <col min="6666" max="6666" width="18.5703125" style="439" customWidth="1"/>
    <col min="6667" max="6667" width="13.5703125" style="439" customWidth="1"/>
    <col min="6668" max="6668" width="12.140625" style="439" customWidth="1"/>
    <col min="6669" max="6669" width="13.5703125" style="439" customWidth="1"/>
    <col min="6670" max="6670" width="1.7109375" style="439" customWidth="1"/>
    <col min="6671" max="6671" width="9.140625" style="439"/>
    <col min="6672" max="6672" width="9.42578125" style="439" bestFit="1" customWidth="1"/>
    <col min="6673" max="6913" width="9.140625" style="439"/>
    <col min="6914" max="6914" width="2.28515625" style="439" customWidth="1"/>
    <col min="6915" max="6915" width="3.85546875" style="439" customWidth="1"/>
    <col min="6916" max="6916" width="9.85546875" style="439" customWidth="1"/>
    <col min="6917" max="6917" width="30.28515625" style="439" customWidth="1"/>
    <col min="6918" max="6918" width="23.85546875" style="439" customWidth="1"/>
    <col min="6919" max="6919" width="14.5703125" style="439" customWidth="1"/>
    <col min="6920" max="6920" width="20.28515625" style="439" customWidth="1"/>
    <col min="6921" max="6921" width="16.85546875" style="439" customWidth="1"/>
    <col min="6922" max="6922" width="18.5703125" style="439" customWidth="1"/>
    <col min="6923" max="6923" width="13.5703125" style="439" customWidth="1"/>
    <col min="6924" max="6924" width="12.140625" style="439" customWidth="1"/>
    <col min="6925" max="6925" width="13.5703125" style="439" customWidth="1"/>
    <col min="6926" max="6926" width="1.7109375" style="439" customWidth="1"/>
    <col min="6927" max="6927" width="9.140625" style="439"/>
    <col min="6928" max="6928" width="9.42578125" style="439" bestFit="1" customWidth="1"/>
    <col min="6929" max="7169" width="9.140625" style="439"/>
    <col min="7170" max="7170" width="2.28515625" style="439" customWidth="1"/>
    <col min="7171" max="7171" width="3.85546875" style="439" customWidth="1"/>
    <col min="7172" max="7172" width="9.85546875" style="439" customWidth="1"/>
    <col min="7173" max="7173" width="30.28515625" style="439" customWidth="1"/>
    <col min="7174" max="7174" width="23.85546875" style="439" customWidth="1"/>
    <col min="7175" max="7175" width="14.5703125" style="439" customWidth="1"/>
    <col min="7176" max="7176" width="20.28515625" style="439" customWidth="1"/>
    <col min="7177" max="7177" width="16.85546875" style="439" customWidth="1"/>
    <col min="7178" max="7178" width="18.5703125" style="439" customWidth="1"/>
    <col min="7179" max="7179" width="13.5703125" style="439" customWidth="1"/>
    <col min="7180" max="7180" width="12.140625" style="439" customWidth="1"/>
    <col min="7181" max="7181" width="13.5703125" style="439" customWidth="1"/>
    <col min="7182" max="7182" width="1.7109375" style="439" customWidth="1"/>
    <col min="7183" max="7183" width="9.140625" style="439"/>
    <col min="7184" max="7184" width="9.42578125" style="439" bestFit="1" customWidth="1"/>
    <col min="7185" max="7425" width="9.140625" style="439"/>
    <col min="7426" max="7426" width="2.28515625" style="439" customWidth="1"/>
    <col min="7427" max="7427" width="3.85546875" style="439" customWidth="1"/>
    <col min="7428" max="7428" width="9.85546875" style="439" customWidth="1"/>
    <col min="7429" max="7429" width="30.28515625" style="439" customWidth="1"/>
    <col min="7430" max="7430" width="23.85546875" style="439" customWidth="1"/>
    <col min="7431" max="7431" width="14.5703125" style="439" customWidth="1"/>
    <col min="7432" max="7432" width="20.28515625" style="439" customWidth="1"/>
    <col min="7433" max="7433" width="16.85546875" style="439" customWidth="1"/>
    <col min="7434" max="7434" width="18.5703125" style="439" customWidth="1"/>
    <col min="7435" max="7435" width="13.5703125" style="439" customWidth="1"/>
    <col min="7436" max="7436" width="12.140625" style="439" customWidth="1"/>
    <col min="7437" max="7437" width="13.5703125" style="439" customWidth="1"/>
    <col min="7438" max="7438" width="1.7109375" style="439" customWidth="1"/>
    <col min="7439" max="7439" width="9.140625" style="439"/>
    <col min="7440" max="7440" width="9.42578125" style="439" bestFit="1" customWidth="1"/>
    <col min="7441" max="7681" width="9.140625" style="439"/>
    <col min="7682" max="7682" width="2.28515625" style="439" customWidth="1"/>
    <col min="7683" max="7683" width="3.85546875" style="439" customWidth="1"/>
    <col min="7684" max="7684" width="9.85546875" style="439" customWidth="1"/>
    <col min="7685" max="7685" width="30.28515625" style="439" customWidth="1"/>
    <col min="7686" max="7686" width="23.85546875" style="439" customWidth="1"/>
    <col min="7687" max="7687" width="14.5703125" style="439" customWidth="1"/>
    <col min="7688" max="7688" width="20.28515625" style="439" customWidth="1"/>
    <col min="7689" max="7689" width="16.85546875" style="439" customWidth="1"/>
    <col min="7690" max="7690" width="18.5703125" style="439" customWidth="1"/>
    <col min="7691" max="7691" width="13.5703125" style="439" customWidth="1"/>
    <col min="7692" max="7692" width="12.140625" style="439" customWidth="1"/>
    <col min="7693" max="7693" width="13.5703125" style="439" customWidth="1"/>
    <col min="7694" max="7694" width="1.7109375" style="439" customWidth="1"/>
    <col min="7695" max="7695" width="9.140625" style="439"/>
    <col min="7696" max="7696" width="9.42578125" style="439" bestFit="1" customWidth="1"/>
    <col min="7697" max="7937" width="9.140625" style="439"/>
    <col min="7938" max="7938" width="2.28515625" style="439" customWidth="1"/>
    <col min="7939" max="7939" width="3.85546875" style="439" customWidth="1"/>
    <col min="7940" max="7940" width="9.85546875" style="439" customWidth="1"/>
    <col min="7941" max="7941" width="30.28515625" style="439" customWidth="1"/>
    <col min="7942" max="7942" width="23.85546875" style="439" customWidth="1"/>
    <col min="7943" max="7943" width="14.5703125" style="439" customWidth="1"/>
    <col min="7944" max="7944" width="20.28515625" style="439" customWidth="1"/>
    <col min="7945" max="7945" width="16.85546875" style="439" customWidth="1"/>
    <col min="7946" max="7946" width="18.5703125" style="439" customWidth="1"/>
    <col min="7947" max="7947" width="13.5703125" style="439" customWidth="1"/>
    <col min="7948" max="7948" width="12.140625" style="439" customWidth="1"/>
    <col min="7949" max="7949" width="13.5703125" style="439" customWidth="1"/>
    <col min="7950" max="7950" width="1.7109375" style="439" customWidth="1"/>
    <col min="7951" max="7951" width="9.140625" style="439"/>
    <col min="7952" max="7952" width="9.42578125" style="439" bestFit="1" customWidth="1"/>
    <col min="7953" max="8193" width="9.140625" style="439"/>
    <col min="8194" max="8194" width="2.28515625" style="439" customWidth="1"/>
    <col min="8195" max="8195" width="3.85546875" style="439" customWidth="1"/>
    <col min="8196" max="8196" width="9.85546875" style="439" customWidth="1"/>
    <col min="8197" max="8197" width="30.28515625" style="439" customWidth="1"/>
    <col min="8198" max="8198" width="23.85546875" style="439" customWidth="1"/>
    <col min="8199" max="8199" width="14.5703125" style="439" customWidth="1"/>
    <col min="8200" max="8200" width="20.28515625" style="439" customWidth="1"/>
    <col min="8201" max="8201" width="16.85546875" style="439" customWidth="1"/>
    <col min="8202" max="8202" width="18.5703125" style="439" customWidth="1"/>
    <col min="8203" max="8203" width="13.5703125" style="439" customWidth="1"/>
    <col min="8204" max="8204" width="12.140625" style="439" customWidth="1"/>
    <col min="8205" max="8205" width="13.5703125" style="439" customWidth="1"/>
    <col min="8206" max="8206" width="1.7109375" style="439" customWidth="1"/>
    <col min="8207" max="8207" width="9.140625" style="439"/>
    <col min="8208" max="8208" width="9.42578125" style="439" bestFit="1" customWidth="1"/>
    <col min="8209" max="8449" width="9.140625" style="439"/>
    <col min="8450" max="8450" width="2.28515625" style="439" customWidth="1"/>
    <col min="8451" max="8451" width="3.85546875" style="439" customWidth="1"/>
    <col min="8452" max="8452" width="9.85546875" style="439" customWidth="1"/>
    <col min="8453" max="8453" width="30.28515625" style="439" customWidth="1"/>
    <col min="8454" max="8454" width="23.85546875" style="439" customWidth="1"/>
    <col min="8455" max="8455" width="14.5703125" style="439" customWidth="1"/>
    <col min="8456" max="8456" width="20.28515625" style="439" customWidth="1"/>
    <col min="8457" max="8457" width="16.85546875" style="439" customWidth="1"/>
    <col min="8458" max="8458" width="18.5703125" style="439" customWidth="1"/>
    <col min="8459" max="8459" width="13.5703125" style="439" customWidth="1"/>
    <col min="8460" max="8460" width="12.140625" style="439" customWidth="1"/>
    <col min="8461" max="8461" width="13.5703125" style="439" customWidth="1"/>
    <col min="8462" max="8462" width="1.7109375" style="439" customWidth="1"/>
    <col min="8463" max="8463" width="9.140625" style="439"/>
    <col min="8464" max="8464" width="9.42578125" style="439" bestFit="1" customWidth="1"/>
    <col min="8465" max="8705" width="9.140625" style="439"/>
    <col min="8706" max="8706" width="2.28515625" style="439" customWidth="1"/>
    <col min="8707" max="8707" width="3.85546875" style="439" customWidth="1"/>
    <col min="8708" max="8708" width="9.85546875" style="439" customWidth="1"/>
    <col min="8709" max="8709" width="30.28515625" style="439" customWidth="1"/>
    <col min="8710" max="8710" width="23.85546875" style="439" customWidth="1"/>
    <col min="8711" max="8711" width="14.5703125" style="439" customWidth="1"/>
    <col min="8712" max="8712" width="20.28515625" style="439" customWidth="1"/>
    <col min="8713" max="8713" width="16.85546875" style="439" customWidth="1"/>
    <col min="8714" max="8714" width="18.5703125" style="439" customWidth="1"/>
    <col min="8715" max="8715" width="13.5703125" style="439" customWidth="1"/>
    <col min="8716" max="8716" width="12.140625" style="439" customWidth="1"/>
    <col min="8717" max="8717" width="13.5703125" style="439" customWidth="1"/>
    <col min="8718" max="8718" width="1.7109375" style="439" customWidth="1"/>
    <col min="8719" max="8719" width="9.140625" style="439"/>
    <col min="8720" max="8720" width="9.42578125" style="439" bestFit="1" customWidth="1"/>
    <col min="8721" max="8961" width="9.140625" style="439"/>
    <col min="8962" max="8962" width="2.28515625" style="439" customWidth="1"/>
    <col min="8963" max="8963" width="3.85546875" style="439" customWidth="1"/>
    <col min="8964" max="8964" width="9.85546875" style="439" customWidth="1"/>
    <col min="8965" max="8965" width="30.28515625" style="439" customWidth="1"/>
    <col min="8966" max="8966" width="23.85546875" style="439" customWidth="1"/>
    <col min="8967" max="8967" width="14.5703125" style="439" customWidth="1"/>
    <col min="8968" max="8968" width="20.28515625" style="439" customWidth="1"/>
    <col min="8969" max="8969" width="16.85546875" style="439" customWidth="1"/>
    <col min="8970" max="8970" width="18.5703125" style="439" customWidth="1"/>
    <col min="8971" max="8971" width="13.5703125" style="439" customWidth="1"/>
    <col min="8972" max="8972" width="12.140625" style="439" customWidth="1"/>
    <col min="8973" max="8973" width="13.5703125" style="439" customWidth="1"/>
    <col min="8974" max="8974" width="1.7109375" style="439" customWidth="1"/>
    <col min="8975" max="8975" width="9.140625" style="439"/>
    <col min="8976" max="8976" width="9.42578125" style="439" bestFit="1" customWidth="1"/>
    <col min="8977" max="9217" width="9.140625" style="439"/>
    <col min="9218" max="9218" width="2.28515625" style="439" customWidth="1"/>
    <col min="9219" max="9219" width="3.85546875" style="439" customWidth="1"/>
    <col min="9220" max="9220" width="9.85546875" style="439" customWidth="1"/>
    <col min="9221" max="9221" width="30.28515625" style="439" customWidth="1"/>
    <col min="9222" max="9222" width="23.85546875" style="439" customWidth="1"/>
    <col min="9223" max="9223" width="14.5703125" style="439" customWidth="1"/>
    <col min="9224" max="9224" width="20.28515625" style="439" customWidth="1"/>
    <col min="9225" max="9225" width="16.85546875" style="439" customWidth="1"/>
    <col min="9226" max="9226" width="18.5703125" style="439" customWidth="1"/>
    <col min="9227" max="9227" width="13.5703125" style="439" customWidth="1"/>
    <col min="9228" max="9228" width="12.140625" style="439" customWidth="1"/>
    <col min="9229" max="9229" width="13.5703125" style="439" customWidth="1"/>
    <col min="9230" max="9230" width="1.7109375" style="439" customWidth="1"/>
    <col min="9231" max="9231" width="9.140625" style="439"/>
    <col min="9232" max="9232" width="9.42578125" style="439" bestFit="1" customWidth="1"/>
    <col min="9233" max="9473" width="9.140625" style="439"/>
    <col min="9474" max="9474" width="2.28515625" style="439" customWidth="1"/>
    <col min="9475" max="9475" width="3.85546875" style="439" customWidth="1"/>
    <col min="9476" max="9476" width="9.85546875" style="439" customWidth="1"/>
    <col min="9477" max="9477" width="30.28515625" style="439" customWidth="1"/>
    <col min="9478" max="9478" width="23.85546875" style="439" customWidth="1"/>
    <col min="9479" max="9479" width="14.5703125" style="439" customWidth="1"/>
    <col min="9480" max="9480" width="20.28515625" style="439" customWidth="1"/>
    <col min="9481" max="9481" width="16.85546875" style="439" customWidth="1"/>
    <col min="9482" max="9482" width="18.5703125" style="439" customWidth="1"/>
    <col min="9483" max="9483" width="13.5703125" style="439" customWidth="1"/>
    <col min="9484" max="9484" width="12.140625" style="439" customWidth="1"/>
    <col min="9485" max="9485" width="13.5703125" style="439" customWidth="1"/>
    <col min="9486" max="9486" width="1.7109375" style="439" customWidth="1"/>
    <col min="9487" max="9487" width="9.140625" style="439"/>
    <col min="9488" max="9488" width="9.42578125" style="439" bestFit="1" customWidth="1"/>
    <col min="9489" max="9729" width="9.140625" style="439"/>
    <col min="9730" max="9730" width="2.28515625" style="439" customWidth="1"/>
    <col min="9731" max="9731" width="3.85546875" style="439" customWidth="1"/>
    <col min="9732" max="9732" width="9.85546875" style="439" customWidth="1"/>
    <col min="9733" max="9733" width="30.28515625" style="439" customWidth="1"/>
    <col min="9734" max="9734" width="23.85546875" style="439" customWidth="1"/>
    <col min="9735" max="9735" width="14.5703125" style="439" customWidth="1"/>
    <col min="9736" max="9736" width="20.28515625" style="439" customWidth="1"/>
    <col min="9737" max="9737" width="16.85546875" style="439" customWidth="1"/>
    <col min="9738" max="9738" width="18.5703125" style="439" customWidth="1"/>
    <col min="9739" max="9739" width="13.5703125" style="439" customWidth="1"/>
    <col min="9740" max="9740" width="12.140625" style="439" customWidth="1"/>
    <col min="9741" max="9741" width="13.5703125" style="439" customWidth="1"/>
    <col min="9742" max="9742" width="1.7109375" style="439" customWidth="1"/>
    <col min="9743" max="9743" width="9.140625" style="439"/>
    <col min="9744" max="9744" width="9.42578125" style="439" bestFit="1" customWidth="1"/>
    <col min="9745" max="9985" width="9.140625" style="439"/>
    <col min="9986" max="9986" width="2.28515625" style="439" customWidth="1"/>
    <col min="9987" max="9987" width="3.85546875" style="439" customWidth="1"/>
    <col min="9988" max="9988" width="9.85546875" style="439" customWidth="1"/>
    <col min="9989" max="9989" width="30.28515625" style="439" customWidth="1"/>
    <col min="9990" max="9990" width="23.85546875" style="439" customWidth="1"/>
    <col min="9991" max="9991" width="14.5703125" style="439" customWidth="1"/>
    <col min="9992" max="9992" width="20.28515625" style="439" customWidth="1"/>
    <col min="9993" max="9993" width="16.85546875" style="439" customWidth="1"/>
    <col min="9994" max="9994" width="18.5703125" style="439" customWidth="1"/>
    <col min="9995" max="9995" width="13.5703125" style="439" customWidth="1"/>
    <col min="9996" max="9996" width="12.140625" style="439" customWidth="1"/>
    <col min="9997" max="9997" width="13.5703125" style="439" customWidth="1"/>
    <col min="9998" max="9998" width="1.7109375" style="439" customWidth="1"/>
    <col min="9999" max="9999" width="9.140625" style="439"/>
    <col min="10000" max="10000" width="9.42578125" style="439" bestFit="1" customWidth="1"/>
    <col min="10001" max="10241" width="9.140625" style="439"/>
    <col min="10242" max="10242" width="2.28515625" style="439" customWidth="1"/>
    <col min="10243" max="10243" width="3.85546875" style="439" customWidth="1"/>
    <col min="10244" max="10244" width="9.85546875" style="439" customWidth="1"/>
    <col min="10245" max="10245" width="30.28515625" style="439" customWidth="1"/>
    <col min="10246" max="10246" width="23.85546875" style="439" customWidth="1"/>
    <col min="10247" max="10247" width="14.5703125" style="439" customWidth="1"/>
    <col min="10248" max="10248" width="20.28515625" style="439" customWidth="1"/>
    <col min="10249" max="10249" width="16.85546875" style="439" customWidth="1"/>
    <col min="10250" max="10250" width="18.5703125" style="439" customWidth="1"/>
    <col min="10251" max="10251" width="13.5703125" style="439" customWidth="1"/>
    <col min="10252" max="10252" width="12.140625" style="439" customWidth="1"/>
    <col min="10253" max="10253" width="13.5703125" style="439" customWidth="1"/>
    <col min="10254" max="10254" width="1.7109375" style="439" customWidth="1"/>
    <col min="10255" max="10255" width="9.140625" style="439"/>
    <col min="10256" max="10256" width="9.42578125" style="439" bestFit="1" customWidth="1"/>
    <col min="10257" max="10497" width="9.140625" style="439"/>
    <col min="10498" max="10498" width="2.28515625" style="439" customWidth="1"/>
    <col min="10499" max="10499" width="3.85546875" style="439" customWidth="1"/>
    <col min="10500" max="10500" width="9.85546875" style="439" customWidth="1"/>
    <col min="10501" max="10501" width="30.28515625" style="439" customWidth="1"/>
    <col min="10502" max="10502" width="23.85546875" style="439" customWidth="1"/>
    <col min="10503" max="10503" width="14.5703125" style="439" customWidth="1"/>
    <col min="10504" max="10504" width="20.28515625" style="439" customWidth="1"/>
    <col min="10505" max="10505" width="16.85546875" style="439" customWidth="1"/>
    <col min="10506" max="10506" width="18.5703125" style="439" customWidth="1"/>
    <col min="10507" max="10507" width="13.5703125" style="439" customWidth="1"/>
    <col min="10508" max="10508" width="12.140625" style="439" customWidth="1"/>
    <col min="10509" max="10509" width="13.5703125" style="439" customWidth="1"/>
    <col min="10510" max="10510" width="1.7109375" style="439" customWidth="1"/>
    <col min="10511" max="10511" width="9.140625" style="439"/>
    <col min="10512" max="10512" width="9.42578125" style="439" bestFit="1" customWidth="1"/>
    <col min="10513" max="10753" width="9.140625" style="439"/>
    <col min="10754" max="10754" width="2.28515625" style="439" customWidth="1"/>
    <col min="10755" max="10755" width="3.85546875" style="439" customWidth="1"/>
    <col min="10756" max="10756" width="9.85546875" style="439" customWidth="1"/>
    <col min="10757" max="10757" width="30.28515625" style="439" customWidth="1"/>
    <col min="10758" max="10758" width="23.85546875" style="439" customWidth="1"/>
    <col min="10759" max="10759" width="14.5703125" style="439" customWidth="1"/>
    <col min="10760" max="10760" width="20.28515625" style="439" customWidth="1"/>
    <col min="10761" max="10761" width="16.85546875" style="439" customWidth="1"/>
    <col min="10762" max="10762" width="18.5703125" style="439" customWidth="1"/>
    <col min="10763" max="10763" width="13.5703125" style="439" customWidth="1"/>
    <col min="10764" max="10764" width="12.140625" style="439" customWidth="1"/>
    <col min="10765" max="10765" width="13.5703125" style="439" customWidth="1"/>
    <col min="10766" max="10766" width="1.7109375" style="439" customWidth="1"/>
    <col min="10767" max="10767" width="9.140625" style="439"/>
    <col min="10768" max="10768" width="9.42578125" style="439" bestFit="1" customWidth="1"/>
    <col min="10769" max="11009" width="9.140625" style="439"/>
    <col min="11010" max="11010" width="2.28515625" style="439" customWidth="1"/>
    <col min="11011" max="11011" width="3.85546875" style="439" customWidth="1"/>
    <col min="11012" max="11012" width="9.85546875" style="439" customWidth="1"/>
    <col min="11013" max="11013" width="30.28515625" style="439" customWidth="1"/>
    <col min="11014" max="11014" width="23.85546875" style="439" customWidth="1"/>
    <col min="11015" max="11015" width="14.5703125" style="439" customWidth="1"/>
    <col min="11016" max="11016" width="20.28515625" style="439" customWidth="1"/>
    <col min="11017" max="11017" width="16.85546875" style="439" customWidth="1"/>
    <col min="11018" max="11018" width="18.5703125" style="439" customWidth="1"/>
    <col min="11019" max="11019" width="13.5703125" style="439" customWidth="1"/>
    <col min="11020" max="11020" width="12.140625" style="439" customWidth="1"/>
    <col min="11021" max="11021" width="13.5703125" style="439" customWidth="1"/>
    <col min="11022" max="11022" width="1.7109375" style="439" customWidth="1"/>
    <col min="11023" max="11023" width="9.140625" style="439"/>
    <col min="11024" max="11024" width="9.42578125" style="439" bestFit="1" customWidth="1"/>
    <col min="11025" max="11265" width="9.140625" style="439"/>
    <col min="11266" max="11266" width="2.28515625" style="439" customWidth="1"/>
    <col min="11267" max="11267" width="3.85546875" style="439" customWidth="1"/>
    <col min="11268" max="11268" width="9.85546875" style="439" customWidth="1"/>
    <col min="11269" max="11269" width="30.28515625" style="439" customWidth="1"/>
    <col min="11270" max="11270" width="23.85546875" style="439" customWidth="1"/>
    <col min="11271" max="11271" width="14.5703125" style="439" customWidth="1"/>
    <col min="11272" max="11272" width="20.28515625" style="439" customWidth="1"/>
    <col min="11273" max="11273" width="16.85546875" style="439" customWidth="1"/>
    <col min="11274" max="11274" width="18.5703125" style="439" customWidth="1"/>
    <col min="11275" max="11275" width="13.5703125" style="439" customWidth="1"/>
    <col min="11276" max="11276" width="12.140625" style="439" customWidth="1"/>
    <col min="11277" max="11277" width="13.5703125" style="439" customWidth="1"/>
    <col min="11278" max="11278" width="1.7109375" style="439" customWidth="1"/>
    <col min="11279" max="11279" width="9.140625" style="439"/>
    <col min="11280" max="11280" width="9.42578125" style="439" bestFit="1" customWidth="1"/>
    <col min="11281" max="11521" width="9.140625" style="439"/>
    <col min="11522" max="11522" width="2.28515625" style="439" customWidth="1"/>
    <col min="11523" max="11523" width="3.85546875" style="439" customWidth="1"/>
    <col min="11524" max="11524" width="9.85546875" style="439" customWidth="1"/>
    <col min="11525" max="11525" width="30.28515625" style="439" customWidth="1"/>
    <col min="11526" max="11526" width="23.85546875" style="439" customWidth="1"/>
    <col min="11527" max="11527" width="14.5703125" style="439" customWidth="1"/>
    <col min="11528" max="11528" width="20.28515625" style="439" customWidth="1"/>
    <col min="11529" max="11529" width="16.85546875" style="439" customWidth="1"/>
    <col min="11530" max="11530" width="18.5703125" style="439" customWidth="1"/>
    <col min="11531" max="11531" width="13.5703125" style="439" customWidth="1"/>
    <col min="11532" max="11532" width="12.140625" style="439" customWidth="1"/>
    <col min="11533" max="11533" width="13.5703125" style="439" customWidth="1"/>
    <col min="11534" max="11534" width="1.7109375" style="439" customWidth="1"/>
    <col min="11535" max="11535" width="9.140625" style="439"/>
    <col min="11536" max="11536" width="9.42578125" style="439" bestFit="1" customWidth="1"/>
    <col min="11537" max="11777" width="9.140625" style="439"/>
    <col min="11778" max="11778" width="2.28515625" style="439" customWidth="1"/>
    <col min="11779" max="11779" width="3.85546875" style="439" customWidth="1"/>
    <col min="11780" max="11780" width="9.85546875" style="439" customWidth="1"/>
    <col min="11781" max="11781" width="30.28515625" style="439" customWidth="1"/>
    <col min="11782" max="11782" width="23.85546875" style="439" customWidth="1"/>
    <col min="11783" max="11783" width="14.5703125" style="439" customWidth="1"/>
    <col min="11784" max="11784" width="20.28515625" style="439" customWidth="1"/>
    <col min="11785" max="11785" width="16.85546875" style="439" customWidth="1"/>
    <col min="11786" max="11786" width="18.5703125" style="439" customWidth="1"/>
    <col min="11787" max="11787" width="13.5703125" style="439" customWidth="1"/>
    <col min="11788" max="11788" width="12.140625" style="439" customWidth="1"/>
    <col min="11789" max="11789" width="13.5703125" style="439" customWidth="1"/>
    <col min="11790" max="11790" width="1.7109375" style="439" customWidth="1"/>
    <col min="11791" max="11791" width="9.140625" style="439"/>
    <col min="11792" max="11792" width="9.42578125" style="439" bestFit="1" customWidth="1"/>
    <col min="11793" max="12033" width="9.140625" style="439"/>
    <col min="12034" max="12034" width="2.28515625" style="439" customWidth="1"/>
    <col min="12035" max="12035" width="3.85546875" style="439" customWidth="1"/>
    <col min="12036" max="12036" width="9.85546875" style="439" customWidth="1"/>
    <col min="12037" max="12037" width="30.28515625" style="439" customWidth="1"/>
    <col min="12038" max="12038" width="23.85546875" style="439" customWidth="1"/>
    <col min="12039" max="12039" width="14.5703125" style="439" customWidth="1"/>
    <col min="12040" max="12040" width="20.28515625" style="439" customWidth="1"/>
    <col min="12041" max="12041" width="16.85546875" style="439" customWidth="1"/>
    <col min="12042" max="12042" width="18.5703125" style="439" customWidth="1"/>
    <col min="12043" max="12043" width="13.5703125" style="439" customWidth="1"/>
    <col min="12044" max="12044" width="12.140625" style="439" customWidth="1"/>
    <col min="12045" max="12045" width="13.5703125" style="439" customWidth="1"/>
    <col min="12046" max="12046" width="1.7109375" style="439" customWidth="1"/>
    <col min="12047" max="12047" width="9.140625" style="439"/>
    <col min="12048" max="12048" width="9.42578125" style="439" bestFit="1" customWidth="1"/>
    <col min="12049" max="12289" width="9.140625" style="439"/>
    <col min="12290" max="12290" width="2.28515625" style="439" customWidth="1"/>
    <col min="12291" max="12291" width="3.85546875" style="439" customWidth="1"/>
    <col min="12292" max="12292" width="9.85546875" style="439" customWidth="1"/>
    <col min="12293" max="12293" width="30.28515625" style="439" customWidth="1"/>
    <col min="12294" max="12294" width="23.85546875" style="439" customWidth="1"/>
    <col min="12295" max="12295" width="14.5703125" style="439" customWidth="1"/>
    <col min="12296" max="12296" width="20.28515625" style="439" customWidth="1"/>
    <col min="12297" max="12297" width="16.85546875" style="439" customWidth="1"/>
    <col min="12298" max="12298" width="18.5703125" style="439" customWidth="1"/>
    <col min="12299" max="12299" width="13.5703125" style="439" customWidth="1"/>
    <col min="12300" max="12300" width="12.140625" style="439" customWidth="1"/>
    <col min="12301" max="12301" width="13.5703125" style="439" customWidth="1"/>
    <col min="12302" max="12302" width="1.7109375" style="439" customWidth="1"/>
    <col min="12303" max="12303" width="9.140625" style="439"/>
    <col min="12304" max="12304" width="9.42578125" style="439" bestFit="1" customWidth="1"/>
    <col min="12305" max="12545" width="9.140625" style="439"/>
    <col min="12546" max="12546" width="2.28515625" style="439" customWidth="1"/>
    <col min="12547" max="12547" width="3.85546875" style="439" customWidth="1"/>
    <col min="12548" max="12548" width="9.85546875" style="439" customWidth="1"/>
    <col min="12549" max="12549" width="30.28515625" style="439" customWidth="1"/>
    <col min="12550" max="12550" width="23.85546875" style="439" customWidth="1"/>
    <col min="12551" max="12551" width="14.5703125" style="439" customWidth="1"/>
    <col min="12552" max="12552" width="20.28515625" style="439" customWidth="1"/>
    <col min="12553" max="12553" width="16.85546875" style="439" customWidth="1"/>
    <col min="12554" max="12554" width="18.5703125" style="439" customWidth="1"/>
    <col min="12555" max="12555" width="13.5703125" style="439" customWidth="1"/>
    <col min="12556" max="12556" width="12.140625" style="439" customWidth="1"/>
    <col min="12557" max="12557" width="13.5703125" style="439" customWidth="1"/>
    <col min="12558" max="12558" width="1.7109375" style="439" customWidth="1"/>
    <col min="12559" max="12559" width="9.140625" style="439"/>
    <col min="12560" max="12560" width="9.42578125" style="439" bestFit="1" customWidth="1"/>
    <col min="12561" max="12801" width="9.140625" style="439"/>
    <col min="12802" max="12802" width="2.28515625" style="439" customWidth="1"/>
    <col min="12803" max="12803" width="3.85546875" style="439" customWidth="1"/>
    <col min="12804" max="12804" width="9.85546875" style="439" customWidth="1"/>
    <col min="12805" max="12805" width="30.28515625" style="439" customWidth="1"/>
    <col min="12806" max="12806" width="23.85546875" style="439" customWidth="1"/>
    <col min="12807" max="12807" width="14.5703125" style="439" customWidth="1"/>
    <col min="12808" max="12808" width="20.28515625" style="439" customWidth="1"/>
    <col min="12809" max="12809" width="16.85546875" style="439" customWidth="1"/>
    <col min="12810" max="12810" width="18.5703125" style="439" customWidth="1"/>
    <col min="12811" max="12811" width="13.5703125" style="439" customWidth="1"/>
    <col min="12812" max="12812" width="12.140625" style="439" customWidth="1"/>
    <col min="12813" max="12813" width="13.5703125" style="439" customWidth="1"/>
    <col min="12814" max="12814" width="1.7109375" style="439" customWidth="1"/>
    <col min="12815" max="12815" width="9.140625" style="439"/>
    <col min="12816" max="12816" width="9.42578125" style="439" bestFit="1" customWidth="1"/>
    <col min="12817" max="13057" width="9.140625" style="439"/>
    <col min="13058" max="13058" width="2.28515625" style="439" customWidth="1"/>
    <col min="13059" max="13059" width="3.85546875" style="439" customWidth="1"/>
    <col min="13060" max="13060" width="9.85546875" style="439" customWidth="1"/>
    <col min="13061" max="13061" width="30.28515625" style="439" customWidth="1"/>
    <col min="13062" max="13062" width="23.85546875" style="439" customWidth="1"/>
    <col min="13063" max="13063" width="14.5703125" style="439" customWidth="1"/>
    <col min="13064" max="13064" width="20.28515625" style="439" customWidth="1"/>
    <col min="13065" max="13065" width="16.85546875" style="439" customWidth="1"/>
    <col min="13066" max="13066" width="18.5703125" style="439" customWidth="1"/>
    <col min="13067" max="13067" width="13.5703125" style="439" customWidth="1"/>
    <col min="13068" max="13068" width="12.140625" style="439" customWidth="1"/>
    <col min="13069" max="13069" width="13.5703125" style="439" customWidth="1"/>
    <col min="13070" max="13070" width="1.7109375" style="439" customWidth="1"/>
    <col min="13071" max="13071" width="9.140625" style="439"/>
    <col min="13072" max="13072" width="9.42578125" style="439" bestFit="1" customWidth="1"/>
    <col min="13073" max="13313" width="9.140625" style="439"/>
    <col min="13314" max="13314" width="2.28515625" style="439" customWidth="1"/>
    <col min="13315" max="13315" width="3.85546875" style="439" customWidth="1"/>
    <col min="13316" max="13316" width="9.85546875" style="439" customWidth="1"/>
    <col min="13317" max="13317" width="30.28515625" style="439" customWidth="1"/>
    <col min="13318" max="13318" width="23.85546875" style="439" customWidth="1"/>
    <col min="13319" max="13319" width="14.5703125" style="439" customWidth="1"/>
    <col min="13320" max="13320" width="20.28515625" style="439" customWidth="1"/>
    <col min="13321" max="13321" width="16.85546875" style="439" customWidth="1"/>
    <col min="13322" max="13322" width="18.5703125" style="439" customWidth="1"/>
    <col min="13323" max="13323" width="13.5703125" style="439" customWidth="1"/>
    <col min="13324" max="13324" width="12.140625" style="439" customWidth="1"/>
    <col min="13325" max="13325" width="13.5703125" style="439" customWidth="1"/>
    <col min="13326" max="13326" width="1.7109375" style="439" customWidth="1"/>
    <col min="13327" max="13327" width="9.140625" style="439"/>
    <col min="13328" max="13328" width="9.42578125" style="439" bestFit="1" customWidth="1"/>
    <col min="13329" max="13569" width="9.140625" style="439"/>
    <col min="13570" max="13570" width="2.28515625" style="439" customWidth="1"/>
    <col min="13571" max="13571" width="3.85546875" style="439" customWidth="1"/>
    <col min="13572" max="13572" width="9.85546875" style="439" customWidth="1"/>
    <col min="13573" max="13573" width="30.28515625" style="439" customWidth="1"/>
    <col min="13574" max="13574" width="23.85546875" style="439" customWidth="1"/>
    <col min="13575" max="13575" width="14.5703125" style="439" customWidth="1"/>
    <col min="13576" max="13576" width="20.28515625" style="439" customWidth="1"/>
    <col min="13577" max="13577" width="16.85546875" style="439" customWidth="1"/>
    <col min="13578" max="13578" width="18.5703125" style="439" customWidth="1"/>
    <col min="13579" max="13579" width="13.5703125" style="439" customWidth="1"/>
    <col min="13580" max="13580" width="12.140625" style="439" customWidth="1"/>
    <col min="13581" max="13581" width="13.5703125" style="439" customWidth="1"/>
    <col min="13582" max="13582" width="1.7109375" style="439" customWidth="1"/>
    <col min="13583" max="13583" width="9.140625" style="439"/>
    <col min="13584" max="13584" width="9.42578125" style="439" bestFit="1" customWidth="1"/>
    <col min="13585" max="13825" width="9.140625" style="439"/>
    <col min="13826" max="13826" width="2.28515625" style="439" customWidth="1"/>
    <col min="13827" max="13827" width="3.85546875" style="439" customWidth="1"/>
    <col min="13828" max="13828" width="9.85546875" style="439" customWidth="1"/>
    <col min="13829" max="13829" width="30.28515625" style="439" customWidth="1"/>
    <col min="13830" max="13830" width="23.85546875" style="439" customWidth="1"/>
    <col min="13831" max="13831" width="14.5703125" style="439" customWidth="1"/>
    <col min="13832" max="13832" width="20.28515625" style="439" customWidth="1"/>
    <col min="13833" max="13833" width="16.85546875" style="439" customWidth="1"/>
    <col min="13834" max="13834" width="18.5703125" style="439" customWidth="1"/>
    <col min="13835" max="13835" width="13.5703125" style="439" customWidth="1"/>
    <col min="13836" max="13836" width="12.140625" style="439" customWidth="1"/>
    <col min="13837" max="13837" width="13.5703125" style="439" customWidth="1"/>
    <col min="13838" max="13838" width="1.7109375" style="439" customWidth="1"/>
    <col min="13839" max="13839" width="9.140625" style="439"/>
    <col min="13840" max="13840" width="9.42578125" style="439" bestFit="1" customWidth="1"/>
    <col min="13841" max="14081" width="9.140625" style="439"/>
    <col min="14082" max="14082" width="2.28515625" style="439" customWidth="1"/>
    <col min="14083" max="14083" width="3.85546875" style="439" customWidth="1"/>
    <col min="14084" max="14084" width="9.85546875" style="439" customWidth="1"/>
    <col min="14085" max="14085" width="30.28515625" style="439" customWidth="1"/>
    <col min="14086" max="14086" width="23.85546875" style="439" customWidth="1"/>
    <col min="14087" max="14087" width="14.5703125" style="439" customWidth="1"/>
    <col min="14088" max="14088" width="20.28515625" style="439" customWidth="1"/>
    <col min="14089" max="14089" width="16.85546875" style="439" customWidth="1"/>
    <col min="14090" max="14090" width="18.5703125" style="439" customWidth="1"/>
    <col min="14091" max="14091" width="13.5703125" style="439" customWidth="1"/>
    <col min="14092" max="14092" width="12.140625" style="439" customWidth="1"/>
    <col min="14093" max="14093" width="13.5703125" style="439" customWidth="1"/>
    <col min="14094" max="14094" width="1.7109375" style="439" customWidth="1"/>
    <col min="14095" max="14095" width="9.140625" style="439"/>
    <col min="14096" max="14096" width="9.42578125" style="439" bestFit="1" customWidth="1"/>
    <col min="14097" max="14337" width="9.140625" style="439"/>
    <col min="14338" max="14338" width="2.28515625" style="439" customWidth="1"/>
    <col min="14339" max="14339" width="3.85546875" style="439" customWidth="1"/>
    <col min="14340" max="14340" width="9.85546875" style="439" customWidth="1"/>
    <col min="14341" max="14341" width="30.28515625" style="439" customWidth="1"/>
    <col min="14342" max="14342" width="23.85546875" style="439" customWidth="1"/>
    <col min="14343" max="14343" width="14.5703125" style="439" customWidth="1"/>
    <col min="14344" max="14344" width="20.28515625" style="439" customWidth="1"/>
    <col min="14345" max="14345" width="16.85546875" style="439" customWidth="1"/>
    <col min="14346" max="14346" width="18.5703125" style="439" customWidth="1"/>
    <col min="14347" max="14347" width="13.5703125" style="439" customWidth="1"/>
    <col min="14348" max="14348" width="12.140625" style="439" customWidth="1"/>
    <col min="14349" max="14349" width="13.5703125" style="439" customWidth="1"/>
    <col min="14350" max="14350" width="1.7109375" style="439" customWidth="1"/>
    <col min="14351" max="14351" width="9.140625" style="439"/>
    <col min="14352" max="14352" width="9.42578125" style="439" bestFit="1" customWidth="1"/>
    <col min="14353" max="14593" width="9.140625" style="439"/>
    <col min="14594" max="14594" width="2.28515625" style="439" customWidth="1"/>
    <col min="14595" max="14595" width="3.85546875" style="439" customWidth="1"/>
    <col min="14596" max="14596" width="9.85546875" style="439" customWidth="1"/>
    <col min="14597" max="14597" width="30.28515625" style="439" customWidth="1"/>
    <col min="14598" max="14598" width="23.85546875" style="439" customWidth="1"/>
    <col min="14599" max="14599" width="14.5703125" style="439" customWidth="1"/>
    <col min="14600" max="14600" width="20.28515625" style="439" customWidth="1"/>
    <col min="14601" max="14601" width="16.85546875" style="439" customWidth="1"/>
    <col min="14602" max="14602" width="18.5703125" style="439" customWidth="1"/>
    <col min="14603" max="14603" width="13.5703125" style="439" customWidth="1"/>
    <col min="14604" max="14604" width="12.140625" style="439" customWidth="1"/>
    <col min="14605" max="14605" width="13.5703125" style="439" customWidth="1"/>
    <col min="14606" max="14606" width="1.7109375" style="439" customWidth="1"/>
    <col min="14607" max="14607" width="9.140625" style="439"/>
    <col min="14608" max="14608" width="9.42578125" style="439" bestFit="1" customWidth="1"/>
    <col min="14609" max="14849" width="9.140625" style="439"/>
    <col min="14850" max="14850" width="2.28515625" style="439" customWidth="1"/>
    <col min="14851" max="14851" width="3.85546875" style="439" customWidth="1"/>
    <col min="14852" max="14852" width="9.85546875" style="439" customWidth="1"/>
    <col min="14853" max="14853" width="30.28515625" style="439" customWidth="1"/>
    <col min="14854" max="14854" width="23.85546875" style="439" customWidth="1"/>
    <col min="14855" max="14855" width="14.5703125" style="439" customWidth="1"/>
    <col min="14856" max="14856" width="20.28515625" style="439" customWidth="1"/>
    <col min="14857" max="14857" width="16.85546875" style="439" customWidth="1"/>
    <col min="14858" max="14858" width="18.5703125" style="439" customWidth="1"/>
    <col min="14859" max="14859" width="13.5703125" style="439" customWidth="1"/>
    <col min="14860" max="14860" width="12.140625" style="439" customWidth="1"/>
    <col min="14861" max="14861" width="13.5703125" style="439" customWidth="1"/>
    <col min="14862" max="14862" width="1.7109375" style="439" customWidth="1"/>
    <col min="14863" max="14863" width="9.140625" style="439"/>
    <col min="14864" max="14864" width="9.42578125" style="439" bestFit="1" customWidth="1"/>
    <col min="14865" max="15105" width="9.140625" style="439"/>
    <col min="15106" max="15106" width="2.28515625" style="439" customWidth="1"/>
    <col min="15107" max="15107" width="3.85546875" style="439" customWidth="1"/>
    <col min="15108" max="15108" width="9.85546875" style="439" customWidth="1"/>
    <col min="15109" max="15109" width="30.28515625" style="439" customWidth="1"/>
    <col min="15110" max="15110" width="23.85546875" style="439" customWidth="1"/>
    <col min="15111" max="15111" width="14.5703125" style="439" customWidth="1"/>
    <col min="15112" max="15112" width="20.28515625" style="439" customWidth="1"/>
    <col min="15113" max="15113" width="16.85546875" style="439" customWidth="1"/>
    <col min="15114" max="15114" width="18.5703125" style="439" customWidth="1"/>
    <col min="15115" max="15115" width="13.5703125" style="439" customWidth="1"/>
    <col min="15116" max="15116" width="12.140625" style="439" customWidth="1"/>
    <col min="15117" max="15117" width="13.5703125" style="439" customWidth="1"/>
    <col min="15118" max="15118" width="1.7109375" style="439" customWidth="1"/>
    <col min="15119" max="15119" width="9.140625" style="439"/>
    <col min="15120" max="15120" width="9.42578125" style="439" bestFit="1" customWidth="1"/>
    <col min="15121" max="15361" width="9.140625" style="439"/>
    <col min="15362" max="15362" width="2.28515625" style="439" customWidth="1"/>
    <col min="15363" max="15363" width="3.85546875" style="439" customWidth="1"/>
    <col min="15364" max="15364" width="9.85546875" style="439" customWidth="1"/>
    <col min="15365" max="15365" width="30.28515625" style="439" customWidth="1"/>
    <col min="15366" max="15366" width="23.85546875" style="439" customWidth="1"/>
    <col min="15367" max="15367" width="14.5703125" style="439" customWidth="1"/>
    <col min="15368" max="15368" width="20.28515625" style="439" customWidth="1"/>
    <col min="15369" max="15369" width="16.85546875" style="439" customWidth="1"/>
    <col min="15370" max="15370" width="18.5703125" style="439" customWidth="1"/>
    <col min="15371" max="15371" width="13.5703125" style="439" customWidth="1"/>
    <col min="15372" max="15372" width="12.140625" style="439" customWidth="1"/>
    <col min="15373" max="15373" width="13.5703125" style="439" customWidth="1"/>
    <col min="15374" max="15374" width="1.7109375" style="439" customWidth="1"/>
    <col min="15375" max="15375" width="9.140625" style="439"/>
    <col min="15376" max="15376" width="9.42578125" style="439" bestFit="1" customWidth="1"/>
    <col min="15377" max="15617" width="9.140625" style="439"/>
    <col min="15618" max="15618" width="2.28515625" style="439" customWidth="1"/>
    <col min="15619" max="15619" width="3.85546875" style="439" customWidth="1"/>
    <col min="15620" max="15620" width="9.85546875" style="439" customWidth="1"/>
    <col min="15621" max="15621" width="30.28515625" style="439" customWidth="1"/>
    <col min="15622" max="15622" width="23.85546875" style="439" customWidth="1"/>
    <col min="15623" max="15623" width="14.5703125" style="439" customWidth="1"/>
    <col min="15624" max="15624" width="20.28515625" style="439" customWidth="1"/>
    <col min="15625" max="15625" width="16.85546875" style="439" customWidth="1"/>
    <col min="15626" max="15626" width="18.5703125" style="439" customWidth="1"/>
    <col min="15627" max="15627" width="13.5703125" style="439" customWidth="1"/>
    <col min="15628" max="15628" width="12.140625" style="439" customWidth="1"/>
    <col min="15629" max="15629" width="13.5703125" style="439" customWidth="1"/>
    <col min="15630" max="15630" width="1.7109375" style="439" customWidth="1"/>
    <col min="15631" max="15631" width="9.140625" style="439"/>
    <col min="15632" max="15632" width="9.42578125" style="439" bestFit="1" customWidth="1"/>
    <col min="15633" max="15873" width="9.140625" style="439"/>
    <col min="15874" max="15874" width="2.28515625" style="439" customWidth="1"/>
    <col min="15875" max="15875" width="3.85546875" style="439" customWidth="1"/>
    <col min="15876" max="15876" width="9.85546875" style="439" customWidth="1"/>
    <col min="15877" max="15877" width="30.28515625" style="439" customWidth="1"/>
    <col min="15878" max="15878" width="23.85546875" style="439" customWidth="1"/>
    <col min="15879" max="15879" width="14.5703125" style="439" customWidth="1"/>
    <col min="15880" max="15880" width="20.28515625" style="439" customWidth="1"/>
    <col min="15881" max="15881" width="16.85546875" style="439" customWidth="1"/>
    <col min="15882" max="15882" width="18.5703125" style="439" customWidth="1"/>
    <col min="15883" max="15883" width="13.5703125" style="439" customWidth="1"/>
    <col min="15884" max="15884" width="12.140625" style="439" customWidth="1"/>
    <col min="15885" max="15885" width="13.5703125" style="439" customWidth="1"/>
    <col min="15886" max="15886" width="1.7109375" style="439" customWidth="1"/>
    <col min="15887" max="15887" width="9.140625" style="439"/>
    <col min="15888" max="15888" width="9.42578125" style="439" bestFit="1" customWidth="1"/>
    <col min="15889" max="16129" width="9.140625" style="439"/>
    <col min="16130" max="16130" width="2.28515625" style="439" customWidth="1"/>
    <col min="16131" max="16131" width="3.85546875" style="439" customWidth="1"/>
    <col min="16132" max="16132" width="9.85546875" style="439" customWidth="1"/>
    <col min="16133" max="16133" width="30.28515625" style="439" customWidth="1"/>
    <col min="16134" max="16134" width="23.85546875" style="439" customWidth="1"/>
    <col min="16135" max="16135" width="14.5703125" style="439" customWidth="1"/>
    <col min="16136" max="16136" width="20.28515625" style="439" customWidth="1"/>
    <col min="16137" max="16137" width="16.85546875" style="439" customWidth="1"/>
    <col min="16138" max="16138" width="18.5703125" style="439" customWidth="1"/>
    <col min="16139" max="16139" width="13.5703125" style="439" customWidth="1"/>
    <col min="16140" max="16140" width="12.140625" style="439" customWidth="1"/>
    <col min="16141" max="16141" width="13.5703125" style="439" customWidth="1"/>
    <col min="16142" max="16142" width="1.7109375" style="439" customWidth="1"/>
    <col min="16143" max="16143" width="9.140625" style="439"/>
    <col min="16144" max="16144" width="9.42578125" style="439" bestFit="1" customWidth="1"/>
    <col min="16145" max="16384" width="9.140625" style="439"/>
  </cols>
  <sheetData>
    <row r="1" spans="2:14" ht="15" hidden="1" customHeight="1">
      <c r="B1" s="438" t="s">
        <v>757</v>
      </c>
      <c r="M1" s="440"/>
    </row>
    <row r="2" spans="2:14" ht="15" customHeight="1" thickBot="1"/>
    <row r="3" spans="2:14" ht="28.5" customHeight="1">
      <c r="B3" s="751" t="s">
        <v>961</v>
      </c>
      <c r="C3" s="752"/>
      <c r="D3" s="752"/>
      <c r="E3" s="752"/>
      <c r="F3" s="752"/>
      <c r="G3" s="752"/>
      <c r="H3" s="753"/>
      <c r="J3" s="442" t="s">
        <v>758</v>
      </c>
      <c r="K3" s="760"/>
      <c r="L3" s="760"/>
      <c r="M3" s="760"/>
    </row>
    <row r="4" spans="2:14" ht="39.950000000000003" customHeight="1">
      <c r="B4" s="754"/>
      <c r="C4" s="755"/>
      <c r="D4" s="755"/>
      <c r="E4" s="755"/>
      <c r="F4" s="755"/>
      <c r="G4" s="755"/>
      <c r="H4" s="756"/>
      <c r="J4" s="442" t="s">
        <v>759</v>
      </c>
      <c r="K4" s="761"/>
      <c r="L4" s="761"/>
      <c r="M4" s="761"/>
    </row>
    <row r="5" spans="2:14" ht="30.75" customHeight="1" thickBot="1">
      <c r="B5" s="757"/>
      <c r="C5" s="758"/>
      <c r="D5" s="758"/>
      <c r="E5" s="758"/>
      <c r="F5" s="758"/>
      <c r="G5" s="758"/>
      <c r="H5" s="759"/>
      <c r="J5" s="762" t="s">
        <v>760</v>
      </c>
      <c r="K5" s="764"/>
      <c r="L5" s="764"/>
      <c r="M5" s="764"/>
    </row>
    <row r="6" spans="2:14" ht="6" customHeight="1">
      <c r="H6" s="443"/>
      <c r="J6" s="763"/>
      <c r="K6" s="765"/>
      <c r="L6" s="765"/>
      <c r="M6" s="765"/>
    </row>
    <row r="7" spans="2:14" ht="15.75" customHeight="1">
      <c r="J7" s="444"/>
      <c r="K7" s="766"/>
      <c r="L7" s="766"/>
      <c r="M7" s="445"/>
    </row>
    <row r="8" spans="2:14" ht="34.5" customHeight="1">
      <c r="B8" s="778" t="s">
        <v>1104</v>
      </c>
      <c r="C8" s="779"/>
      <c r="D8" s="779"/>
      <c r="E8" s="779"/>
      <c r="F8" s="779"/>
      <c r="G8" s="779"/>
      <c r="H8" s="779"/>
      <c r="I8" s="779"/>
      <c r="J8" s="779"/>
      <c r="K8" s="779"/>
      <c r="L8" s="779"/>
      <c r="M8" s="779"/>
      <c r="N8" s="779"/>
    </row>
    <row r="9" spans="2:14" ht="34.5" customHeight="1">
      <c r="B9" s="438" t="s">
        <v>1103</v>
      </c>
    </row>
    <row r="10" spans="2:14" s="446" customFormat="1" ht="27.75" customHeight="1">
      <c r="B10" s="441"/>
      <c r="C10" s="439" t="s">
        <v>1099</v>
      </c>
      <c r="H10" s="780"/>
      <c r="I10" s="780"/>
      <c r="J10" s="780"/>
    </row>
    <row r="11" spans="2:14" s="446" customFormat="1" ht="27.75" customHeight="1">
      <c r="B11" s="441"/>
      <c r="C11" s="439" t="s">
        <v>1100</v>
      </c>
      <c r="H11" s="780"/>
      <c r="I11" s="780"/>
      <c r="J11" s="780"/>
    </row>
    <row r="12" spans="2:14" s="446" customFormat="1" ht="27.75" customHeight="1">
      <c r="B12" s="441"/>
      <c r="C12" s="439" t="s">
        <v>1102</v>
      </c>
      <c r="H12" s="780"/>
      <c r="I12" s="780"/>
      <c r="J12" s="780"/>
    </row>
    <row r="13" spans="2:14" s="446" customFormat="1" ht="27.75" customHeight="1">
      <c r="B13" s="441"/>
      <c r="C13" s="439" t="s">
        <v>1101</v>
      </c>
      <c r="H13" s="780"/>
      <c r="I13" s="780"/>
      <c r="J13" s="780"/>
    </row>
    <row r="14" spans="2:14" s="446" customFormat="1" ht="15.75" customHeight="1">
      <c r="B14" s="441"/>
      <c r="C14" s="439"/>
    </row>
    <row r="15" spans="2:14" s="446" customFormat="1" ht="36" customHeight="1">
      <c r="B15" s="438" t="s">
        <v>1098</v>
      </c>
      <c r="C15" s="439"/>
      <c r="F15" s="447"/>
      <c r="G15" s="447"/>
      <c r="H15" s="447"/>
    </row>
    <row r="16" spans="2:14" s="446" customFormat="1" ht="31.5" customHeight="1">
      <c r="B16" s="448" t="s">
        <v>1097</v>
      </c>
      <c r="C16" s="439"/>
      <c r="F16" s="447"/>
      <c r="G16" s="447"/>
      <c r="H16" s="447"/>
    </row>
    <row r="17" spans="2:15" s="446" customFormat="1" ht="38.25" customHeight="1" thickBot="1">
      <c r="B17" s="449"/>
      <c r="C17" s="450" t="s">
        <v>761</v>
      </c>
      <c r="D17" s="685" t="s">
        <v>1071</v>
      </c>
      <c r="E17" s="451" t="s">
        <v>1096</v>
      </c>
      <c r="F17" s="781" t="s">
        <v>1094</v>
      </c>
      <c r="G17" s="782"/>
      <c r="H17" s="782"/>
      <c r="I17" s="782"/>
      <c r="J17" s="782"/>
      <c r="K17" s="783"/>
      <c r="L17" s="784" t="s">
        <v>1095</v>
      </c>
      <c r="M17" s="785"/>
    </row>
    <row r="18" spans="2:15" s="446" customFormat="1" ht="67.5" customHeight="1">
      <c r="B18" s="449"/>
      <c r="C18" s="767">
        <v>1</v>
      </c>
      <c r="D18" s="452" t="s">
        <v>762</v>
      </c>
      <c r="E18" s="453" t="s">
        <v>0</v>
      </c>
      <c r="F18" s="769" t="s">
        <v>1056</v>
      </c>
      <c r="G18" s="770"/>
      <c r="H18" s="770"/>
      <c r="I18" s="770"/>
      <c r="J18" s="770"/>
      <c r="K18" s="771"/>
      <c r="L18" s="772" t="s">
        <v>763</v>
      </c>
      <c r="M18" s="773"/>
    </row>
    <row r="19" spans="2:15" s="446" customFormat="1" ht="65.25" customHeight="1">
      <c r="B19" s="449"/>
      <c r="C19" s="768"/>
      <c r="D19" s="454" t="s">
        <v>764</v>
      </c>
      <c r="E19" s="453" t="s">
        <v>0</v>
      </c>
      <c r="F19" s="774" t="s">
        <v>1056</v>
      </c>
      <c r="G19" s="775"/>
      <c r="H19" s="775"/>
      <c r="I19" s="775"/>
      <c r="J19" s="775"/>
      <c r="K19" s="775"/>
      <c r="L19" s="776" t="s">
        <v>765</v>
      </c>
      <c r="M19" s="777"/>
    </row>
    <row r="20" spans="2:15" s="446" customFormat="1" ht="65.25" customHeight="1">
      <c r="B20" s="449"/>
      <c r="C20" s="768"/>
      <c r="D20" s="454" t="s">
        <v>766</v>
      </c>
      <c r="E20" s="453" t="s">
        <v>0</v>
      </c>
      <c r="F20" s="774" t="s">
        <v>1056</v>
      </c>
      <c r="G20" s="775"/>
      <c r="H20" s="775"/>
      <c r="I20" s="775"/>
      <c r="J20" s="775"/>
      <c r="K20" s="775"/>
      <c r="L20" s="776" t="s">
        <v>765</v>
      </c>
      <c r="M20" s="777"/>
    </row>
    <row r="21" spans="2:15" s="446" customFormat="1" ht="57" customHeight="1">
      <c r="B21" s="449"/>
      <c r="C21" s="455">
        <v>2</v>
      </c>
      <c r="D21" s="452" t="s">
        <v>767</v>
      </c>
      <c r="E21" s="453" t="s">
        <v>0</v>
      </c>
      <c r="F21" s="774" t="s">
        <v>1056</v>
      </c>
      <c r="G21" s="775"/>
      <c r="H21" s="775"/>
      <c r="I21" s="775"/>
      <c r="J21" s="775"/>
      <c r="K21" s="775"/>
      <c r="L21" s="776" t="s">
        <v>765</v>
      </c>
      <c r="M21" s="777"/>
    </row>
    <row r="22" spans="2:15" s="446" customFormat="1" ht="57" customHeight="1">
      <c r="B22" s="449"/>
      <c r="C22" s="456">
        <v>3</v>
      </c>
      <c r="D22" s="452" t="s">
        <v>768</v>
      </c>
      <c r="E22" s="453" t="s">
        <v>0</v>
      </c>
      <c r="F22" s="774" t="s">
        <v>1056</v>
      </c>
      <c r="G22" s="775"/>
      <c r="H22" s="775"/>
      <c r="I22" s="775"/>
      <c r="J22" s="775"/>
      <c r="K22" s="775"/>
      <c r="L22" s="776" t="s">
        <v>765</v>
      </c>
      <c r="M22" s="777"/>
    </row>
    <row r="23" spans="2:15" s="446" customFormat="1" ht="57" customHeight="1">
      <c r="B23" s="449"/>
      <c r="C23" s="456">
        <v>4</v>
      </c>
      <c r="D23" s="452" t="s">
        <v>769</v>
      </c>
      <c r="E23" s="452" t="s">
        <v>770</v>
      </c>
      <c r="F23" s="775" t="s">
        <v>771</v>
      </c>
      <c r="G23" s="775"/>
      <c r="H23" s="775"/>
      <c r="I23" s="775"/>
      <c r="J23" s="775"/>
      <c r="K23" s="775"/>
      <c r="L23" s="776" t="s">
        <v>765</v>
      </c>
      <c r="M23" s="777"/>
    </row>
    <row r="24" spans="2:15" s="446" customFormat="1" ht="57" customHeight="1">
      <c r="B24" s="449"/>
      <c r="C24" s="457">
        <v>5</v>
      </c>
      <c r="D24" s="458" t="s">
        <v>772</v>
      </c>
      <c r="E24" s="459" t="s">
        <v>773</v>
      </c>
      <c r="F24" s="774" t="s">
        <v>1056</v>
      </c>
      <c r="G24" s="775"/>
      <c r="H24" s="775"/>
      <c r="I24" s="775"/>
      <c r="J24" s="775"/>
      <c r="K24" s="775"/>
      <c r="L24" s="776" t="s">
        <v>765</v>
      </c>
      <c r="M24" s="777"/>
      <c r="O24" s="460"/>
    </row>
    <row r="25" spans="2:15" s="446" customFormat="1" ht="75" customHeight="1">
      <c r="B25" s="449"/>
      <c r="C25" s="461">
        <v>6</v>
      </c>
      <c r="D25" s="458" t="s">
        <v>774</v>
      </c>
      <c r="E25" s="453" t="s">
        <v>0</v>
      </c>
      <c r="F25" s="774" t="s">
        <v>1056</v>
      </c>
      <c r="G25" s="775"/>
      <c r="H25" s="775"/>
      <c r="I25" s="775"/>
      <c r="J25" s="775"/>
      <c r="K25" s="775"/>
      <c r="L25" s="776" t="s">
        <v>765</v>
      </c>
      <c r="M25" s="777"/>
      <c r="O25" s="460"/>
    </row>
    <row r="26" spans="2:15" s="446" customFormat="1" ht="57" customHeight="1">
      <c r="B26" s="449"/>
      <c r="C26" s="461">
        <v>7</v>
      </c>
      <c r="D26" s="462" t="s">
        <v>775</v>
      </c>
      <c r="E26" s="459" t="s">
        <v>776</v>
      </c>
      <c r="F26" s="774" t="s">
        <v>1056</v>
      </c>
      <c r="G26" s="775"/>
      <c r="H26" s="775"/>
      <c r="I26" s="775"/>
      <c r="J26" s="775"/>
      <c r="K26" s="775"/>
      <c r="L26" s="776" t="s">
        <v>765</v>
      </c>
      <c r="M26" s="777"/>
      <c r="O26" s="460"/>
    </row>
    <row r="27" spans="2:15" s="446" customFormat="1" ht="57" customHeight="1">
      <c r="B27" s="449"/>
      <c r="C27" s="461">
        <v>8</v>
      </c>
      <c r="D27" s="462" t="s">
        <v>777</v>
      </c>
      <c r="E27" s="459" t="s">
        <v>778</v>
      </c>
      <c r="F27" s="774" t="s">
        <v>1056</v>
      </c>
      <c r="G27" s="775"/>
      <c r="H27" s="775"/>
      <c r="I27" s="775"/>
      <c r="J27" s="775"/>
      <c r="K27" s="775"/>
      <c r="L27" s="776" t="s">
        <v>765</v>
      </c>
      <c r="M27" s="777"/>
      <c r="O27" s="460"/>
    </row>
    <row r="28" spans="2:15" s="446" customFormat="1" ht="71.25" customHeight="1">
      <c r="B28" s="449"/>
      <c r="C28" s="461">
        <v>9</v>
      </c>
      <c r="D28" s="462" t="s">
        <v>779</v>
      </c>
      <c r="E28" s="459" t="s">
        <v>780</v>
      </c>
      <c r="F28" s="774" t="s">
        <v>1056</v>
      </c>
      <c r="G28" s="775"/>
      <c r="H28" s="775"/>
      <c r="I28" s="775"/>
      <c r="J28" s="775"/>
      <c r="K28" s="775"/>
      <c r="L28" s="776" t="s">
        <v>765</v>
      </c>
      <c r="M28" s="777"/>
      <c r="O28" s="460"/>
    </row>
    <row r="29" spans="2:15" s="446" customFormat="1" ht="65.099999999999994" customHeight="1">
      <c r="B29" s="449"/>
      <c r="C29" s="461">
        <v>10</v>
      </c>
      <c r="D29" s="462" t="s">
        <v>781</v>
      </c>
      <c r="E29" s="459" t="s">
        <v>782</v>
      </c>
      <c r="F29" s="774" t="s">
        <v>1056</v>
      </c>
      <c r="G29" s="775"/>
      <c r="H29" s="775"/>
      <c r="I29" s="775"/>
      <c r="J29" s="775"/>
      <c r="K29" s="775"/>
      <c r="L29" s="776" t="s">
        <v>765</v>
      </c>
      <c r="M29" s="777"/>
      <c r="O29" s="460"/>
    </row>
    <row r="30" spans="2:15" s="446" customFormat="1" ht="18.75" customHeight="1">
      <c r="B30" s="449"/>
      <c r="C30" s="463"/>
      <c r="D30" s="464" t="s">
        <v>1057</v>
      </c>
      <c r="E30" s="465"/>
      <c r="F30" s="466"/>
      <c r="G30" s="466"/>
      <c r="H30" s="466"/>
      <c r="I30" s="466"/>
      <c r="J30" s="466"/>
      <c r="K30" s="466"/>
      <c r="L30" s="467"/>
      <c r="M30" s="468"/>
    </row>
    <row r="31" spans="2:15" s="446" customFormat="1" ht="18.75" customHeight="1">
      <c r="B31" s="449"/>
      <c r="C31" s="463"/>
      <c r="D31" s="464" t="s">
        <v>1058</v>
      </c>
      <c r="E31" s="469"/>
      <c r="F31" s="466"/>
      <c r="G31" s="466"/>
      <c r="H31" s="466"/>
      <c r="I31" s="466"/>
      <c r="J31" s="466"/>
      <c r="K31" s="466"/>
      <c r="L31" s="467"/>
      <c r="M31" s="468"/>
    </row>
    <row r="32" spans="2:15" s="446" customFormat="1" ht="18.75" customHeight="1">
      <c r="B32" s="449"/>
      <c r="C32" s="463"/>
      <c r="D32" s="464" t="s">
        <v>1059</v>
      </c>
      <c r="E32" s="469"/>
      <c r="F32" s="466"/>
      <c r="G32" s="466"/>
      <c r="H32" s="466"/>
      <c r="I32" s="466"/>
      <c r="J32" s="466"/>
      <c r="K32" s="466"/>
      <c r="L32" s="467"/>
      <c r="M32" s="468"/>
    </row>
    <row r="33" spans="1:15" s="446" customFormat="1" ht="18.75" customHeight="1">
      <c r="B33" s="449"/>
      <c r="C33" s="463"/>
      <c r="D33" s="464" t="s">
        <v>1060</v>
      </c>
      <c r="E33" s="469"/>
      <c r="F33" s="466"/>
      <c r="G33" s="466"/>
      <c r="H33" s="466"/>
      <c r="I33" s="466"/>
      <c r="J33" s="466"/>
      <c r="K33" s="466"/>
      <c r="L33" s="467"/>
      <c r="M33" s="468"/>
    </row>
    <row r="34" spans="1:15" s="446" customFormat="1" ht="18.75" customHeight="1">
      <c r="B34" s="449"/>
      <c r="C34" s="463"/>
      <c r="D34" s="464" t="s">
        <v>1061</v>
      </c>
      <c r="E34" s="469"/>
      <c r="F34" s="466"/>
      <c r="G34" s="470"/>
      <c r="H34" s="466"/>
      <c r="I34" s="466"/>
      <c r="J34" s="466"/>
      <c r="K34" s="466"/>
      <c r="L34" s="467"/>
      <c r="M34" s="468"/>
    </row>
    <row r="35" spans="1:15" s="446" customFormat="1" ht="18.75" customHeight="1">
      <c r="B35" s="449"/>
      <c r="C35" s="463"/>
      <c r="D35" s="464" t="s">
        <v>1062</v>
      </c>
      <c r="E35" s="469"/>
      <c r="F35" s="466"/>
      <c r="G35" s="470"/>
      <c r="H35" s="466"/>
      <c r="I35" s="466"/>
      <c r="J35" s="466"/>
      <c r="K35" s="466"/>
      <c r="L35" s="467"/>
      <c r="M35" s="468"/>
      <c r="O35" s="471"/>
    </row>
    <row r="36" spans="1:15" s="446" customFormat="1" ht="18.75" customHeight="1">
      <c r="B36" s="449"/>
      <c r="C36" s="463"/>
      <c r="D36" s="641" t="s">
        <v>1063</v>
      </c>
      <c r="E36" s="469"/>
      <c r="F36" s="466"/>
      <c r="G36" s="470"/>
      <c r="H36" s="466"/>
      <c r="I36" s="466"/>
      <c r="J36" s="466"/>
      <c r="K36" s="466"/>
      <c r="L36" s="467"/>
      <c r="M36" s="468"/>
    </row>
    <row r="37" spans="1:15" s="446" customFormat="1">
      <c r="B37" s="449"/>
      <c r="C37" s="463"/>
      <c r="D37" s="472"/>
      <c r="E37" s="469"/>
      <c r="F37" s="466"/>
      <c r="G37" s="470"/>
      <c r="H37" s="466"/>
      <c r="I37" s="466"/>
      <c r="J37" s="466"/>
      <c r="K37" s="466"/>
      <c r="L37" s="467"/>
      <c r="M37" s="468"/>
    </row>
    <row r="38" spans="1:15" s="446" customFormat="1">
      <c r="B38" s="449"/>
      <c r="C38" s="463"/>
      <c r="D38" s="472"/>
      <c r="E38" s="469"/>
      <c r="F38" s="466"/>
      <c r="G38" s="470"/>
      <c r="H38" s="466"/>
      <c r="I38" s="466"/>
      <c r="J38" s="466"/>
      <c r="K38" s="466"/>
      <c r="L38" s="467"/>
      <c r="M38" s="468"/>
    </row>
    <row r="39" spans="1:15" s="446" customFormat="1">
      <c r="B39" s="449"/>
      <c r="C39" s="463"/>
      <c r="D39" s="472"/>
      <c r="E39" s="469"/>
      <c r="F39" s="466"/>
      <c r="G39" s="470"/>
      <c r="H39" s="466"/>
      <c r="I39" s="466"/>
      <c r="J39" s="466"/>
      <c r="K39" s="466"/>
      <c r="L39" s="467"/>
      <c r="M39" s="468"/>
    </row>
    <row r="40" spans="1:15" s="446" customFormat="1" ht="24" customHeight="1">
      <c r="B40" s="438" t="s">
        <v>1064</v>
      </c>
      <c r="C40" s="439"/>
      <c r="F40" s="447"/>
      <c r="G40" s="447"/>
      <c r="H40" s="447"/>
    </row>
    <row r="41" spans="1:15" s="446" customFormat="1">
      <c r="B41" s="449"/>
      <c r="C41" s="642" t="s">
        <v>1065</v>
      </c>
      <c r="F41" s="447"/>
      <c r="G41" s="447"/>
      <c r="H41" s="447"/>
      <c r="O41" s="473"/>
    </row>
    <row r="42" spans="1:15" ht="26.25" customHeight="1" thickBot="1">
      <c r="C42" s="450" t="s">
        <v>761</v>
      </c>
      <c r="D42" s="685" t="s">
        <v>1071</v>
      </c>
      <c r="E42" s="451" t="s">
        <v>783</v>
      </c>
      <c r="F42" s="781" t="s">
        <v>1094</v>
      </c>
      <c r="G42" s="782"/>
      <c r="H42" s="782"/>
      <c r="I42" s="782"/>
      <c r="J42" s="782"/>
      <c r="K42" s="783"/>
      <c r="L42" s="781" t="s">
        <v>1095</v>
      </c>
      <c r="M42" s="783"/>
    </row>
    <row r="43" spans="1:15" ht="57" customHeight="1">
      <c r="C43" s="474">
        <v>1</v>
      </c>
      <c r="D43" s="475" t="s">
        <v>1070</v>
      </c>
      <c r="E43" s="453" t="s">
        <v>0</v>
      </c>
      <c r="F43" s="774" t="s">
        <v>1067</v>
      </c>
      <c r="G43" s="775"/>
      <c r="H43" s="775"/>
      <c r="I43" s="775"/>
      <c r="J43" s="775"/>
      <c r="K43" s="775"/>
      <c r="L43" s="772" t="s">
        <v>765</v>
      </c>
      <c r="M43" s="773"/>
    </row>
    <row r="44" spans="1:15" ht="45" customHeight="1">
      <c r="C44" s="476">
        <v>2</v>
      </c>
      <c r="D44" s="683" t="s">
        <v>784</v>
      </c>
      <c r="E44" s="453" t="s">
        <v>0</v>
      </c>
      <c r="F44" s="774" t="s">
        <v>1066</v>
      </c>
      <c r="G44" s="775"/>
      <c r="H44" s="775"/>
      <c r="I44" s="775"/>
      <c r="J44" s="775"/>
      <c r="K44" s="775"/>
      <c r="L44" s="776" t="s">
        <v>765</v>
      </c>
      <c r="M44" s="777"/>
    </row>
    <row r="45" spans="1:15" ht="45" customHeight="1">
      <c r="C45" s="476">
        <v>3</v>
      </c>
      <c r="D45" s="684" t="s">
        <v>785</v>
      </c>
      <c r="E45" s="477" t="s">
        <v>786</v>
      </c>
      <c r="F45" s="774" t="s">
        <v>1068</v>
      </c>
      <c r="G45" s="775"/>
      <c r="H45" s="775"/>
      <c r="I45" s="775"/>
      <c r="J45" s="775"/>
      <c r="K45" s="775"/>
      <c r="L45" s="776" t="s">
        <v>765</v>
      </c>
      <c r="M45" s="777"/>
    </row>
    <row r="46" spans="1:15" ht="15">
      <c r="G46" s="478"/>
      <c r="N46" s="479" t="s">
        <v>280</v>
      </c>
    </row>
    <row r="47" spans="1:15" ht="15" customHeight="1">
      <c r="A47" s="802" t="s">
        <v>1045</v>
      </c>
      <c r="B47" s="803"/>
      <c r="C47" s="803"/>
      <c r="D47" s="803"/>
      <c r="E47" s="803"/>
      <c r="F47" s="803"/>
      <c r="G47" s="803"/>
      <c r="H47" s="803"/>
      <c r="I47" s="803"/>
      <c r="J47" s="803"/>
      <c r="K47" s="803"/>
      <c r="L47" s="803"/>
      <c r="M47" s="803"/>
      <c r="N47" s="803"/>
    </row>
    <row r="48" spans="1:15">
      <c r="B48" s="480" t="s">
        <v>620</v>
      </c>
      <c r="N48" s="443"/>
    </row>
    <row r="49" spans="2:15">
      <c r="B49" s="480"/>
      <c r="N49" s="443"/>
    </row>
    <row r="50" spans="2:15" ht="26.25" customHeight="1" thickBot="1">
      <c r="C50" s="450" t="s">
        <v>761</v>
      </c>
      <c r="D50" s="685" t="s">
        <v>1071</v>
      </c>
      <c r="E50" s="451" t="s">
        <v>783</v>
      </c>
      <c r="F50" s="781" t="s">
        <v>1094</v>
      </c>
      <c r="G50" s="782"/>
      <c r="H50" s="782"/>
      <c r="I50" s="782"/>
      <c r="J50" s="782"/>
      <c r="K50" s="783"/>
      <c r="L50" s="781" t="s">
        <v>1095</v>
      </c>
      <c r="M50" s="783"/>
    </row>
    <row r="51" spans="2:15" ht="45" customHeight="1">
      <c r="C51" s="476">
        <v>4</v>
      </c>
      <c r="D51" s="683" t="s">
        <v>1072</v>
      </c>
      <c r="E51" s="453" t="s">
        <v>0</v>
      </c>
      <c r="F51" s="774" t="s">
        <v>1068</v>
      </c>
      <c r="G51" s="775"/>
      <c r="H51" s="775"/>
      <c r="I51" s="775"/>
      <c r="J51" s="775"/>
      <c r="K51" s="775"/>
      <c r="L51" s="776" t="s">
        <v>765</v>
      </c>
      <c r="M51" s="777"/>
    </row>
    <row r="52" spans="2:15" ht="45" customHeight="1">
      <c r="C52" s="481">
        <v>5</v>
      </c>
      <c r="D52" s="684" t="s">
        <v>787</v>
      </c>
      <c r="E52" s="459" t="s">
        <v>788</v>
      </c>
      <c r="F52" s="774" t="s">
        <v>1068</v>
      </c>
      <c r="G52" s="775"/>
      <c r="H52" s="775"/>
      <c r="I52" s="775"/>
      <c r="J52" s="775"/>
      <c r="K52" s="775"/>
      <c r="L52" s="776" t="s">
        <v>765</v>
      </c>
      <c r="M52" s="777"/>
    </row>
    <row r="53" spans="2:15" ht="65.45" customHeight="1">
      <c r="C53" s="379">
        <v>6</v>
      </c>
      <c r="D53" s="482" t="s">
        <v>789</v>
      </c>
      <c r="E53" s="379" t="s">
        <v>0</v>
      </c>
      <c r="F53" s="808" t="s">
        <v>1069</v>
      </c>
      <c r="G53" s="809"/>
      <c r="H53" s="809"/>
      <c r="I53" s="809"/>
      <c r="J53" s="809"/>
      <c r="K53" s="810"/>
      <c r="L53" s="776" t="s">
        <v>765</v>
      </c>
      <c r="M53" s="777"/>
    </row>
    <row r="54" spans="2:15" ht="36.75" customHeight="1">
      <c r="C54" s="786">
        <v>7</v>
      </c>
      <c r="D54" s="789" t="s">
        <v>790</v>
      </c>
      <c r="E54" s="792" t="s">
        <v>72</v>
      </c>
      <c r="F54" s="794" t="s">
        <v>1073</v>
      </c>
      <c r="G54" s="795"/>
      <c r="H54" s="795"/>
      <c r="I54" s="795"/>
      <c r="J54" s="795"/>
      <c r="K54" s="796"/>
      <c r="L54" s="776" t="s">
        <v>765</v>
      </c>
      <c r="M54" s="777"/>
    </row>
    <row r="55" spans="2:15" ht="33" customHeight="1">
      <c r="C55" s="787"/>
      <c r="D55" s="790"/>
      <c r="E55" s="793"/>
      <c r="F55" s="797" t="s">
        <v>1074</v>
      </c>
      <c r="G55" s="795"/>
      <c r="H55" s="795"/>
      <c r="I55" s="795"/>
      <c r="J55" s="795"/>
      <c r="K55" s="796"/>
      <c r="L55" s="798"/>
      <c r="M55" s="799"/>
    </row>
    <row r="56" spans="2:15" ht="33" customHeight="1">
      <c r="C56" s="768"/>
      <c r="D56" s="790"/>
      <c r="E56" s="768"/>
      <c r="F56" s="775" t="s">
        <v>1075</v>
      </c>
      <c r="G56" s="775"/>
      <c r="H56" s="775"/>
      <c r="I56" s="775"/>
      <c r="J56" s="775"/>
      <c r="K56" s="775"/>
      <c r="L56" s="800"/>
      <c r="M56" s="801"/>
    </row>
    <row r="57" spans="2:15" ht="33" customHeight="1">
      <c r="C57" s="788"/>
      <c r="D57" s="791"/>
      <c r="E57" s="788"/>
      <c r="F57" s="775" t="s">
        <v>1076</v>
      </c>
      <c r="G57" s="775"/>
      <c r="H57" s="775"/>
      <c r="I57" s="775"/>
      <c r="J57" s="775"/>
      <c r="K57" s="775"/>
      <c r="L57" s="800"/>
      <c r="M57" s="801"/>
    </row>
    <row r="58" spans="2:15" s="446" customFormat="1" ht="57" customHeight="1">
      <c r="B58" s="449"/>
      <c r="C58" s="461">
        <v>8</v>
      </c>
      <c r="D58" s="483" t="s">
        <v>791</v>
      </c>
      <c r="E58" s="484" t="s">
        <v>792</v>
      </c>
      <c r="F58" s="804" t="s">
        <v>1056</v>
      </c>
      <c r="G58" s="805"/>
      <c r="H58" s="805"/>
      <c r="I58" s="805"/>
      <c r="J58" s="805"/>
      <c r="K58" s="805"/>
      <c r="L58" s="806" t="s">
        <v>765</v>
      </c>
      <c r="M58" s="807"/>
      <c r="O58" s="485"/>
    </row>
    <row r="59" spans="2:15">
      <c r="C59" s="486"/>
      <c r="D59" s="487" t="s">
        <v>1077</v>
      </c>
      <c r="E59" s="486"/>
      <c r="F59" s="488"/>
      <c r="G59" s="488"/>
      <c r="H59" s="488"/>
      <c r="I59" s="488"/>
      <c r="J59" s="488"/>
      <c r="K59" s="488"/>
      <c r="L59" s="489"/>
      <c r="M59" s="490"/>
    </row>
    <row r="60" spans="2:15">
      <c r="C60" s="486"/>
      <c r="D60" s="464" t="s">
        <v>793</v>
      </c>
      <c r="E60" s="486"/>
      <c r="F60" s="488"/>
      <c r="G60" s="488"/>
      <c r="H60" s="488"/>
      <c r="I60" s="488"/>
      <c r="J60" s="488"/>
      <c r="K60" s="488"/>
      <c r="L60" s="489"/>
      <c r="M60" s="490"/>
    </row>
    <row r="61" spans="2:15">
      <c r="C61" s="464"/>
      <c r="D61" s="813" t="s">
        <v>1078</v>
      </c>
      <c r="E61" s="814"/>
      <c r="F61" s="814"/>
      <c r="G61" s="814"/>
      <c r="H61" s="814"/>
      <c r="I61" s="814"/>
      <c r="J61" s="814"/>
      <c r="K61" s="814"/>
      <c r="L61" s="814"/>
      <c r="M61" s="814"/>
    </row>
    <row r="62" spans="2:15" ht="30" customHeight="1">
      <c r="C62" s="464"/>
      <c r="D62" s="814"/>
      <c r="E62" s="814"/>
      <c r="F62" s="814"/>
      <c r="G62" s="814"/>
      <c r="H62" s="814"/>
      <c r="I62" s="814"/>
      <c r="J62" s="814"/>
      <c r="K62" s="814"/>
      <c r="L62" s="814"/>
      <c r="M62" s="814"/>
    </row>
    <row r="63" spans="2:15">
      <c r="C63" s="464"/>
      <c r="D63" s="641" t="s">
        <v>1063</v>
      </c>
      <c r="E63" s="491"/>
      <c r="F63" s="491"/>
      <c r="G63" s="491"/>
      <c r="H63" s="491"/>
      <c r="I63" s="491"/>
      <c r="J63" s="491"/>
      <c r="K63" s="491"/>
      <c r="L63" s="491"/>
      <c r="M63" s="491"/>
    </row>
    <row r="64" spans="2:15">
      <c r="C64" s="464"/>
      <c r="D64" s="464"/>
      <c r="E64" s="491"/>
      <c r="F64" s="491"/>
      <c r="G64" s="491"/>
      <c r="H64" s="491"/>
      <c r="I64" s="491"/>
      <c r="J64" s="491"/>
      <c r="K64" s="491"/>
      <c r="L64" s="491"/>
      <c r="M64" s="491"/>
    </row>
    <row r="65" spans="2:13" ht="24" customHeight="1">
      <c r="B65" s="438" t="s">
        <v>1079</v>
      </c>
    </row>
    <row r="66" spans="2:13" ht="24" customHeight="1">
      <c r="B66" s="449"/>
      <c r="C66" s="815" t="s">
        <v>794</v>
      </c>
      <c r="D66" s="779"/>
      <c r="E66" s="779"/>
      <c r="F66" s="779"/>
      <c r="G66" s="779"/>
      <c r="H66" s="779"/>
      <c r="I66" s="779"/>
      <c r="J66" s="779"/>
      <c r="K66" s="779"/>
      <c r="L66" s="779"/>
      <c r="M66" s="779"/>
    </row>
    <row r="67" spans="2:13" ht="24" customHeight="1">
      <c r="B67" s="449"/>
      <c r="C67" s="779"/>
      <c r="D67" s="779"/>
      <c r="E67" s="779"/>
      <c r="F67" s="779"/>
      <c r="G67" s="779"/>
      <c r="H67" s="779"/>
      <c r="I67" s="779"/>
      <c r="J67" s="779"/>
      <c r="K67" s="779"/>
      <c r="L67" s="779"/>
      <c r="M67" s="779"/>
    </row>
    <row r="68" spans="2:13" ht="12.75" customHeight="1">
      <c r="B68" s="449"/>
      <c r="C68" s="763"/>
      <c r="D68" s="763"/>
      <c r="E68" s="763"/>
      <c r="F68" s="763"/>
      <c r="G68" s="763"/>
      <c r="H68" s="763"/>
      <c r="I68" s="763"/>
      <c r="J68" s="763"/>
      <c r="K68" s="763"/>
      <c r="L68" s="763"/>
      <c r="M68" s="763"/>
    </row>
    <row r="69" spans="2:13" ht="16.5" customHeight="1" thickBot="1">
      <c r="B69" s="441" t="s">
        <v>795</v>
      </c>
      <c r="C69" s="450" t="s">
        <v>761</v>
      </c>
      <c r="D69" s="816" t="s">
        <v>1080</v>
      </c>
      <c r="E69" s="782"/>
      <c r="F69" s="782"/>
      <c r="G69" s="782"/>
      <c r="H69" s="782"/>
      <c r="I69" s="782"/>
      <c r="J69" s="782"/>
      <c r="K69" s="783"/>
      <c r="L69" s="817" t="s">
        <v>1081</v>
      </c>
      <c r="M69" s="783"/>
    </row>
    <row r="70" spans="2:13" ht="33" customHeight="1">
      <c r="C70" s="474">
        <v>1</v>
      </c>
      <c r="D70" s="818" t="s">
        <v>796</v>
      </c>
      <c r="E70" s="818"/>
      <c r="F70" s="818"/>
      <c r="G70" s="818"/>
      <c r="H70" s="818"/>
      <c r="I70" s="818"/>
      <c r="J70" s="818"/>
      <c r="K70" s="819"/>
      <c r="L70" s="820" t="s">
        <v>797</v>
      </c>
      <c r="M70" s="821"/>
    </row>
    <row r="71" spans="2:13" ht="66" customHeight="1">
      <c r="C71" s="476">
        <v>2</v>
      </c>
      <c r="D71" s="774" t="s">
        <v>962</v>
      </c>
      <c r="E71" s="775"/>
      <c r="F71" s="775"/>
      <c r="G71" s="775"/>
      <c r="H71" s="775"/>
      <c r="I71" s="775"/>
      <c r="J71" s="775"/>
      <c r="K71" s="775"/>
      <c r="L71" s="811" t="s">
        <v>797</v>
      </c>
      <c r="M71" s="811"/>
    </row>
    <row r="72" spans="2:13" ht="132" customHeight="1">
      <c r="C72" s="476">
        <v>3</v>
      </c>
      <c r="D72" s="774" t="s">
        <v>963</v>
      </c>
      <c r="E72" s="775"/>
      <c r="F72" s="775"/>
      <c r="G72" s="775"/>
      <c r="H72" s="775"/>
      <c r="I72" s="775"/>
      <c r="J72" s="775"/>
      <c r="K72" s="775"/>
      <c r="L72" s="812" t="s">
        <v>798</v>
      </c>
      <c r="M72" s="812"/>
    </row>
    <row r="73" spans="2:13" ht="20.100000000000001" customHeight="1"/>
    <row r="74" spans="2:13" ht="20.100000000000001" customHeight="1">
      <c r="B74" s="438" t="s">
        <v>1082</v>
      </c>
    </row>
    <row r="75" spans="2:13" ht="20.100000000000001" customHeight="1">
      <c r="B75" s="449"/>
      <c r="C75" s="642" t="s">
        <v>1083</v>
      </c>
    </row>
    <row r="76" spans="2:13" ht="25.15" customHeight="1" thickBot="1">
      <c r="C76" s="450" t="s">
        <v>761</v>
      </c>
      <c r="D76" s="685" t="s">
        <v>1071</v>
      </c>
      <c r="E76" s="451" t="s">
        <v>783</v>
      </c>
      <c r="F76" s="781" t="s">
        <v>1092</v>
      </c>
      <c r="G76" s="782"/>
      <c r="H76" s="782"/>
      <c r="I76" s="782"/>
      <c r="J76" s="782"/>
      <c r="K76" s="783"/>
      <c r="L76" s="781" t="s">
        <v>1093</v>
      </c>
      <c r="M76" s="783"/>
    </row>
    <row r="77" spans="2:13" ht="66" customHeight="1">
      <c r="C77" s="455">
        <v>1</v>
      </c>
      <c r="D77" s="492" t="s">
        <v>799</v>
      </c>
      <c r="E77" s="493" t="s">
        <v>0</v>
      </c>
      <c r="F77" s="822" t="s">
        <v>1084</v>
      </c>
      <c r="G77" s="823"/>
      <c r="H77" s="823"/>
      <c r="I77" s="823"/>
      <c r="J77" s="823"/>
      <c r="K77" s="824"/>
      <c r="L77" s="772" t="s">
        <v>765</v>
      </c>
      <c r="M77" s="773"/>
    </row>
    <row r="78" spans="2:13" ht="33" customHeight="1">
      <c r="C78" s="476">
        <v>2</v>
      </c>
      <c r="D78" s="494" t="s">
        <v>800</v>
      </c>
      <c r="E78" s="495" t="s">
        <v>801</v>
      </c>
      <c r="F78" s="822" t="s">
        <v>1084</v>
      </c>
      <c r="G78" s="823"/>
      <c r="H78" s="823"/>
      <c r="I78" s="823"/>
      <c r="J78" s="823"/>
      <c r="K78" s="824"/>
      <c r="L78" s="776" t="s">
        <v>765</v>
      </c>
      <c r="M78" s="777"/>
    </row>
    <row r="79" spans="2:13" ht="51.75">
      <c r="C79" s="476">
        <v>3</v>
      </c>
      <c r="D79" s="496" t="s">
        <v>802</v>
      </c>
      <c r="E79" s="493" t="s">
        <v>0</v>
      </c>
      <c r="F79" s="822" t="s">
        <v>1084</v>
      </c>
      <c r="G79" s="823"/>
      <c r="H79" s="823"/>
      <c r="I79" s="823"/>
      <c r="J79" s="823"/>
      <c r="K79" s="824"/>
      <c r="L79" s="776" t="s">
        <v>765</v>
      </c>
      <c r="M79" s="777"/>
    </row>
    <row r="80" spans="2:13" ht="33" customHeight="1">
      <c r="C80" s="476">
        <v>4</v>
      </c>
      <c r="D80" s="494" t="s">
        <v>803</v>
      </c>
      <c r="E80" s="495" t="s">
        <v>804</v>
      </c>
      <c r="F80" s="822" t="s">
        <v>1084</v>
      </c>
      <c r="G80" s="823"/>
      <c r="H80" s="823"/>
      <c r="I80" s="823"/>
      <c r="J80" s="823"/>
      <c r="K80" s="824"/>
      <c r="L80" s="776" t="s">
        <v>1119</v>
      </c>
      <c r="M80" s="777"/>
    </row>
    <row r="81" spans="2:15" ht="33" customHeight="1">
      <c r="C81" s="476">
        <v>5</v>
      </c>
      <c r="D81" s="494" t="s">
        <v>805</v>
      </c>
      <c r="E81" s="495" t="s">
        <v>806</v>
      </c>
      <c r="F81" s="822" t="s">
        <v>1084</v>
      </c>
      <c r="G81" s="823"/>
      <c r="H81" s="823"/>
      <c r="I81" s="823"/>
      <c r="J81" s="823"/>
      <c r="K81" s="824"/>
      <c r="L81" s="776" t="s">
        <v>765</v>
      </c>
      <c r="M81" s="777"/>
    </row>
    <row r="82" spans="2:15" ht="33" customHeight="1">
      <c r="C82" s="476">
        <v>6</v>
      </c>
      <c r="D82" s="494" t="s">
        <v>807</v>
      </c>
      <c r="E82" s="493" t="s">
        <v>0</v>
      </c>
      <c r="F82" s="822" t="s">
        <v>1084</v>
      </c>
      <c r="G82" s="823"/>
      <c r="H82" s="823"/>
      <c r="I82" s="823"/>
      <c r="J82" s="823"/>
      <c r="K82" s="824"/>
      <c r="L82" s="776" t="s">
        <v>765</v>
      </c>
      <c r="M82" s="777"/>
      <c r="O82" s="473"/>
    </row>
    <row r="83" spans="2:15" ht="33" customHeight="1">
      <c r="C83" s="476">
        <v>7</v>
      </c>
      <c r="D83" s="494" t="s">
        <v>808</v>
      </c>
      <c r="E83" s="495" t="s">
        <v>809</v>
      </c>
      <c r="F83" s="822" t="s">
        <v>1084</v>
      </c>
      <c r="G83" s="823"/>
      <c r="H83" s="823"/>
      <c r="I83" s="823"/>
      <c r="J83" s="823"/>
      <c r="K83" s="824"/>
      <c r="L83" s="776" t="s">
        <v>765</v>
      </c>
      <c r="M83" s="777"/>
    </row>
    <row r="84" spans="2:15" ht="42.75" customHeight="1">
      <c r="C84" s="476">
        <v>8</v>
      </c>
      <c r="D84" s="494" t="s">
        <v>810</v>
      </c>
      <c r="E84" s="493" t="s">
        <v>0</v>
      </c>
      <c r="F84" s="822" t="s">
        <v>1084</v>
      </c>
      <c r="G84" s="823"/>
      <c r="H84" s="823"/>
      <c r="I84" s="823"/>
      <c r="J84" s="823"/>
      <c r="K84" s="824"/>
      <c r="L84" s="776" t="s">
        <v>765</v>
      </c>
      <c r="M84" s="777"/>
    </row>
    <row r="85" spans="2:15" ht="30.75" customHeight="1">
      <c r="C85" s="786">
        <v>9</v>
      </c>
      <c r="D85" s="826" t="s">
        <v>811</v>
      </c>
      <c r="E85" s="828" t="s">
        <v>0</v>
      </c>
      <c r="F85" s="830" t="s">
        <v>1085</v>
      </c>
      <c r="G85" s="831"/>
      <c r="H85" s="831"/>
      <c r="I85" s="831"/>
      <c r="J85" s="831"/>
      <c r="K85" s="832"/>
      <c r="L85" s="833" t="s">
        <v>765</v>
      </c>
      <c r="M85" s="834"/>
    </row>
    <row r="86" spans="2:15" ht="40.15" customHeight="1">
      <c r="C86" s="825"/>
      <c r="D86" s="827"/>
      <c r="E86" s="829"/>
      <c r="F86" s="830" t="s">
        <v>1086</v>
      </c>
      <c r="G86" s="831"/>
      <c r="H86" s="831"/>
      <c r="I86" s="831"/>
      <c r="J86" s="831"/>
      <c r="K86" s="832"/>
      <c r="L86" s="835"/>
      <c r="M86" s="836"/>
    </row>
    <row r="87" spans="2:15" ht="40.15" customHeight="1">
      <c r="C87" s="786">
        <v>10</v>
      </c>
      <c r="D87" s="826" t="s">
        <v>812</v>
      </c>
      <c r="E87" s="828" t="s">
        <v>0</v>
      </c>
      <c r="F87" s="844" t="s">
        <v>1087</v>
      </c>
      <c r="G87" s="831"/>
      <c r="H87" s="831"/>
      <c r="I87" s="831"/>
      <c r="J87" s="831"/>
      <c r="K87" s="832"/>
      <c r="L87" s="833" t="s">
        <v>765</v>
      </c>
      <c r="M87" s="834"/>
    </row>
    <row r="88" spans="2:15" ht="66" customHeight="1">
      <c r="C88" s="825"/>
      <c r="D88" s="827"/>
      <c r="E88" s="829"/>
      <c r="F88" s="830" t="s">
        <v>1088</v>
      </c>
      <c r="G88" s="831"/>
      <c r="H88" s="831"/>
      <c r="I88" s="831"/>
      <c r="J88" s="831"/>
      <c r="K88" s="832"/>
      <c r="L88" s="835"/>
      <c r="M88" s="836"/>
    </row>
    <row r="89" spans="2:15" ht="18.75" customHeight="1">
      <c r="C89" s="463"/>
      <c r="D89" s="641" t="s">
        <v>1089</v>
      </c>
      <c r="E89" s="469"/>
      <c r="F89" s="466"/>
      <c r="G89" s="466"/>
      <c r="H89" s="466"/>
      <c r="I89" s="466"/>
      <c r="J89" s="466"/>
      <c r="K89" s="466"/>
    </row>
    <row r="90" spans="2:15" ht="33.4" customHeight="1">
      <c r="C90" s="463"/>
      <c r="D90" s="813" t="s">
        <v>1090</v>
      </c>
      <c r="E90" s="813"/>
      <c r="F90" s="813"/>
      <c r="G90" s="813"/>
      <c r="H90" s="813"/>
      <c r="I90" s="813"/>
      <c r="J90" s="813"/>
      <c r="K90" s="813"/>
      <c r="L90" s="813"/>
      <c r="M90" s="813"/>
    </row>
    <row r="91" spans="2:15" ht="29.25" customHeight="1">
      <c r="D91" s="813" t="s">
        <v>1091</v>
      </c>
      <c r="E91" s="813"/>
      <c r="F91" s="813"/>
      <c r="G91" s="813"/>
      <c r="H91" s="813"/>
      <c r="I91" s="813"/>
      <c r="J91" s="813"/>
      <c r="K91" s="813"/>
      <c r="L91" s="813"/>
    </row>
    <row r="92" spans="2:15" ht="24" hidden="1" customHeight="1">
      <c r="B92" s="449" t="s">
        <v>813</v>
      </c>
      <c r="C92" s="497"/>
      <c r="D92" s="491"/>
      <c r="E92" s="491"/>
      <c r="F92" s="491"/>
      <c r="G92" s="491"/>
      <c r="H92" s="491"/>
      <c r="I92" s="491"/>
      <c r="J92" s="491"/>
      <c r="K92" s="491"/>
      <c r="L92" s="491"/>
      <c r="M92" s="491"/>
    </row>
    <row r="93" spans="2:15" ht="24" hidden="1" customHeight="1">
      <c r="B93" s="449"/>
      <c r="C93" s="491"/>
      <c r="D93" s="491"/>
      <c r="E93" s="491"/>
      <c r="F93" s="491"/>
      <c r="G93" s="491"/>
      <c r="H93" s="491"/>
      <c r="I93" s="491"/>
      <c r="J93" s="491"/>
      <c r="K93" s="491"/>
      <c r="L93" s="491"/>
      <c r="M93" s="491"/>
    </row>
    <row r="94" spans="2:15" ht="32.25" hidden="1" customHeight="1">
      <c r="B94" s="449"/>
    </row>
    <row r="95" spans="2:15" ht="12" hidden="1" customHeight="1" thickBot="1">
      <c r="B95" s="498"/>
      <c r="C95" s="499" t="s">
        <v>761</v>
      </c>
      <c r="D95" s="837" t="s">
        <v>814</v>
      </c>
      <c r="E95" s="837"/>
      <c r="F95" s="838"/>
      <c r="G95" s="838"/>
      <c r="H95" s="838"/>
      <c r="I95" s="838"/>
      <c r="J95" s="838"/>
      <c r="K95" s="839"/>
      <c r="L95" s="840" t="s">
        <v>815</v>
      </c>
      <c r="M95" s="839"/>
    </row>
    <row r="96" spans="2:15" ht="27.75" hidden="1" customHeight="1">
      <c r="C96" s="500">
        <v>1</v>
      </c>
      <c r="D96" s="841" t="s">
        <v>816</v>
      </c>
      <c r="E96" s="841"/>
      <c r="F96" s="841"/>
      <c r="G96" s="841"/>
      <c r="H96" s="841"/>
      <c r="I96" s="841"/>
      <c r="J96" s="841"/>
      <c r="K96" s="842"/>
      <c r="L96" s="843" t="s">
        <v>817</v>
      </c>
      <c r="M96" s="843"/>
    </row>
    <row r="97" spans="2:13" ht="28.5" hidden="1" customHeight="1">
      <c r="C97" s="486"/>
      <c r="D97" s="466"/>
      <c r="E97" s="466"/>
      <c r="F97" s="466"/>
      <c r="G97" s="466"/>
      <c r="H97" s="466"/>
      <c r="I97" s="466"/>
      <c r="J97" s="466"/>
      <c r="K97" s="466"/>
      <c r="L97" s="501"/>
      <c r="M97" s="501"/>
    </row>
    <row r="98" spans="2:13" ht="5.0999999999999996" hidden="1" customHeight="1">
      <c r="C98" s="486"/>
      <c r="D98" s="466"/>
      <c r="E98" s="466"/>
      <c r="F98" s="466"/>
      <c r="G98" s="466"/>
      <c r="H98" s="466"/>
      <c r="I98" s="466"/>
      <c r="J98" s="466"/>
      <c r="K98" s="466"/>
      <c r="L98" s="463"/>
      <c r="M98" s="463"/>
    </row>
    <row r="99" spans="2:13" ht="12" hidden="1" customHeight="1">
      <c r="C99" s="852" t="s">
        <v>818</v>
      </c>
      <c r="D99" s="852"/>
      <c r="E99" s="852"/>
      <c r="F99" s="852"/>
      <c r="G99" s="852"/>
      <c r="H99" s="852"/>
      <c r="I99" s="852"/>
      <c r="J99" s="852"/>
      <c r="K99" s="852"/>
      <c r="L99" s="852"/>
      <c r="M99" s="852"/>
    </row>
    <row r="100" spans="2:13" ht="27.75" hidden="1" customHeight="1">
      <c r="B100" s="449"/>
      <c r="C100" s="853" t="s">
        <v>819</v>
      </c>
      <c r="D100" s="854"/>
      <c r="E100" s="854"/>
      <c r="F100" s="855"/>
      <c r="G100" s="859" t="s">
        <v>820</v>
      </c>
      <c r="H100" s="860"/>
      <c r="I100" s="502" t="s">
        <v>821</v>
      </c>
      <c r="J100" s="863" t="s">
        <v>822</v>
      </c>
      <c r="K100" s="865" t="s">
        <v>823</v>
      </c>
      <c r="L100" s="865"/>
      <c r="M100" s="865"/>
    </row>
    <row r="101" spans="2:13" ht="30" hidden="1" customHeight="1" thickBot="1">
      <c r="C101" s="856"/>
      <c r="D101" s="857"/>
      <c r="E101" s="857"/>
      <c r="F101" s="858"/>
      <c r="G101" s="861"/>
      <c r="H101" s="862"/>
      <c r="I101" s="503" t="s">
        <v>824</v>
      </c>
      <c r="J101" s="864"/>
      <c r="K101" s="866"/>
      <c r="L101" s="866"/>
      <c r="M101" s="866"/>
    </row>
    <row r="102" spans="2:13" ht="15.75" hidden="1" customHeight="1">
      <c r="C102" s="867" t="s">
        <v>825</v>
      </c>
      <c r="D102" s="868"/>
      <c r="E102" s="868"/>
      <c r="F102" s="869"/>
      <c r="G102" s="870" t="s">
        <v>826</v>
      </c>
      <c r="H102" s="871"/>
      <c r="I102" s="504"/>
      <c r="J102" s="504"/>
      <c r="K102" s="872"/>
      <c r="L102" s="872"/>
      <c r="M102" s="872"/>
    </row>
    <row r="103" spans="2:13" ht="30" hidden="1" customHeight="1">
      <c r="C103" s="845" t="s">
        <v>827</v>
      </c>
      <c r="D103" s="846"/>
      <c r="E103" s="846"/>
      <c r="F103" s="847"/>
      <c r="G103" s="848" t="s">
        <v>828</v>
      </c>
      <c r="H103" s="849"/>
      <c r="I103" s="505"/>
      <c r="J103" s="505"/>
      <c r="K103" s="850"/>
      <c r="L103" s="850"/>
      <c r="M103" s="850"/>
    </row>
    <row r="104" spans="2:13" ht="30" hidden="1" customHeight="1">
      <c r="C104" s="506"/>
      <c r="D104" s="507"/>
      <c r="E104" s="507"/>
    </row>
    <row r="105" spans="2:13" ht="10.5" hidden="1" customHeight="1">
      <c r="C105" s="508" t="s">
        <v>829</v>
      </c>
    </row>
    <row r="106" spans="2:13" ht="15" hidden="1" customHeight="1">
      <c r="C106" s="507"/>
    </row>
    <row r="107" spans="2:13" ht="3.75" customHeight="1">
      <c r="C107" s="507"/>
    </row>
    <row r="108" spans="2:13" ht="15" customHeight="1">
      <c r="C108" s="507"/>
    </row>
    <row r="109" spans="2:13" ht="15" customHeight="1">
      <c r="C109" s="509" t="s">
        <v>830</v>
      </c>
      <c r="D109" s="851"/>
      <c r="E109" s="851"/>
      <c r="F109" s="851"/>
      <c r="G109" s="851"/>
      <c r="H109" s="443" t="s">
        <v>831</v>
      </c>
      <c r="I109" s="851"/>
      <c r="J109" s="851"/>
      <c r="K109" s="851"/>
      <c r="L109" s="851"/>
      <c r="M109" s="851"/>
    </row>
    <row r="110" spans="2:13" ht="15" customHeight="1">
      <c r="B110" s="472"/>
      <c r="C110" s="510" t="s">
        <v>832</v>
      </c>
      <c r="D110" s="765"/>
      <c r="E110" s="765"/>
      <c r="F110" s="765"/>
      <c r="G110" s="765"/>
      <c r="H110" s="510" t="s">
        <v>833</v>
      </c>
      <c r="I110" s="765"/>
      <c r="J110" s="765"/>
      <c r="K110" s="765"/>
      <c r="L110" s="765"/>
      <c r="M110" s="765"/>
    </row>
    <row r="111" spans="2:13" ht="15" customHeight="1"/>
    <row r="112" spans="2:13" ht="15" customHeight="1">
      <c r="C112" s="443" t="s">
        <v>834</v>
      </c>
      <c r="D112" s="851"/>
      <c r="E112" s="851"/>
      <c r="F112" s="851"/>
      <c r="G112" s="851"/>
      <c r="H112" s="443" t="s">
        <v>834</v>
      </c>
      <c r="I112" s="851"/>
      <c r="J112" s="851"/>
      <c r="K112" s="851"/>
      <c r="L112" s="851"/>
      <c r="M112" s="851"/>
    </row>
    <row r="113" spans="1:14" ht="15" customHeight="1">
      <c r="C113" s="510" t="s">
        <v>835</v>
      </c>
      <c r="D113" s="765"/>
      <c r="E113" s="765"/>
      <c r="F113" s="765"/>
      <c r="G113" s="765"/>
      <c r="H113" s="510" t="s">
        <v>835</v>
      </c>
      <c r="I113" s="765"/>
      <c r="J113" s="765"/>
      <c r="K113" s="765"/>
      <c r="L113" s="765"/>
      <c r="M113" s="765"/>
    </row>
    <row r="114" spans="1:14" ht="15" customHeight="1">
      <c r="C114" s="508"/>
    </row>
    <row r="115" spans="1:14" ht="15" customHeight="1">
      <c r="C115" s="508"/>
    </row>
    <row r="116" spans="1:14" ht="16.5" customHeight="1">
      <c r="A116" s="802" t="s">
        <v>1046</v>
      </c>
      <c r="B116" s="802"/>
      <c r="C116" s="802"/>
      <c r="D116" s="802"/>
      <c r="E116" s="802"/>
      <c r="F116" s="802"/>
      <c r="G116" s="802"/>
      <c r="H116" s="802"/>
      <c r="I116" s="802"/>
      <c r="J116" s="802"/>
      <c r="K116" s="802"/>
      <c r="L116" s="802"/>
      <c r="M116" s="802"/>
      <c r="N116" s="802"/>
    </row>
  </sheetData>
  <sheetProtection algorithmName="SHA-512" hashValue="MZjy+08rX24XqJNSq61LLZNoviEW40Nh1q4lhQQD/4ilNKe6xdnsKFU0RUOoqLbKZsvt3JwHMw9rqbx52ExoSw==" saltValue="OtKQc7EizcBSWatZsVXTWw==" spinCount="100000" sheet="1" selectLockedCells="1"/>
  <protectedRanges>
    <protectedRange sqref="D40:E41 D10:E16" name="範囲1"/>
  </protectedRanges>
  <mergeCells count="130">
    <mergeCell ref="K100:M101"/>
    <mergeCell ref="C102:F102"/>
    <mergeCell ref="G102:H102"/>
    <mergeCell ref="K102:M102"/>
    <mergeCell ref="A116:N116"/>
    <mergeCell ref="D90:M90"/>
    <mergeCell ref="D91:L91"/>
    <mergeCell ref="D95:K95"/>
    <mergeCell ref="L95:M95"/>
    <mergeCell ref="D96:K96"/>
    <mergeCell ref="L96:M96"/>
    <mergeCell ref="C87:C88"/>
    <mergeCell ref="D87:D88"/>
    <mergeCell ref="E87:E88"/>
    <mergeCell ref="F87:K87"/>
    <mergeCell ref="L87:M88"/>
    <mergeCell ref="F88:K88"/>
    <mergeCell ref="C103:F103"/>
    <mergeCell ref="G103:H103"/>
    <mergeCell ref="K103:M103"/>
    <mergeCell ref="D109:G110"/>
    <mergeCell ref="I109:M110"/>
    <mergeCell ref="D112:G113"/>
    <mergeCell ref="I112:M113"/>
    <mergeCell ref="C99:M99"/>
    <mergeCell ref="C100:F101"/>
    <mergeCell ref="G100:H101"/>
    <mergeCell ref="J100:J101"/>
    <mergeCell ref="F83:K83"/>
    <mergeCell ref="L83:M83"/>
    <mergeCell ref="F84:K84"/>
    <mergeCell ref="L84:M84"/>
    <mergeCell ref="C85:C86"/>
    <mergeCell ref="D85:D86"/>
    <mergeCell ref="E85:E86"/>
    <mergeCell ref="F85:K85"/>
    <mergeCell ref="L85:M86"/>
    <mergeCell ref="F86:K86"/>
    <mergeCell ref="F81:K81"/>
    <mergeCell ref="L81:M81"/>
    <mergeCell ref="F82:K82"/>
    <mergeCell ref="L82:M82"/>
    <mergeCell ref="F77:K77"/>
    <mergeCell ref="L77:M77"/>
    <mergeCell ref="F78:K78"/>
    <mergeCell ref="L78:M78"/>
    <mergeCell ref="F79:K79"/>
    <mergeCell ref="L79:M79"/>
    <mergeCell ref="F76:K76"/>
    <mergeCell ref="L76:M76"/>
    <mergeCell ref="D61:M62"/>
    <mergeCell ref="C66:M68"/>
    <mergeCell ref="D69:K69"/>
    <mergeCell ref="L69:M69"/>
    <mergeCell ref="D70:K70"/>
    <mergeCell ref="L70:M70"/>
    <mergeCell ref="F80:K80"/>
    <mergeCell ref="L80:M80"/>
    <mergeCell ref="F58:K58"/>
    <mergeCell ref="L58:M58"/>
    <mergeCell ref="F52:K52"/>
    <mergeCell ref="L52:M52"/>
    <mergeCell ref="F53:K53"/>
    <mergeCell ref="L53:M53"/>
    <mergeCell ref="D71:K71"/>
    <mergeCell ref="L71:M71"/>
    <mergeCell ref="D72:K72"/>
    <mergeCell ref="L72:M72"/>
    <mergeCell ref="C54:C57"/>
    <mergeCell ref="D54:D57"/>
    <mergeCell ref="E54:E57"/>
    <mergeCell ref="F54:K54"/>
    <mergeCell ref="L54:M54"/>
    <mergeCell ref="F55:K55"/>
    <mergeCell ref="F45:K45"/>
    <mergeCell ref="L45:M45"/>
    <mergeCell ref="F50:K50"/>
    <mergeCell ref="L50:M50"/>
    <mergeCell ref="F51:K51"/>
    <mergeCell ref="L51:M51"/>
    <mergeCell ref="L55:M55"/>
    <mergeCell ref="F56:K56"/>
    <mergeCell ref="L56:M56"/>
    <mergeCell ref="F57:K57"/>
    <mergeCell ref="L57:M57"/>
    <mergeCell ref="A47:N47"/>
    <mergeCell ref="F42:K42"/>
    <mergeCell ref="L42:M42"/>
    <mergeCell ref="F43:K43"/>
    <mergeCell ref="L43:M43"/>
    <mergeCell ref="F44:K44"/>
    <mergeCell ref="L44:M44"/>
    <mergeCell ref="F27:K27"/>
    <mergeCell ref="L27:M27"/>
    <mergeCell ref="F28:K28"/>
    <mergeCell ref="L28:M28"/>
    <mergeCell ref="F29:K29"/>
    <mergeCell ref="L29:M29"/>
    <mergeCell ref="F24:K24"/>
    <mergeCell ref="L24:M24"/>
    <mergeCell ref="F25:K25"/>
    <mergeCell ref="L25:M25"/>
    <mergeCell ref="F26:K26"/>
    <mergeCell ref="L26:M26"/>
    <mergeCell ref="F21:K21"/>
    <mergeCell ref="L21:M21"/>
    <mergeCell ref="F22:K22"/>
    <mergeCell ref="L22:M22"/>
    <mergeCell ref="F23:K23"/>
    <mergeCell ref="L23:M23"/>
    <mergeCell ref="B3:H5"/>
    <mergeCell ref="K3:M3"/>
    <mergeCell ref="K4:M4"/>
    <mergeCell ref="J5:J6"/>
    <mergeCell ref="K5:M6"/>
    <mergeCell ref="K7:L7"/>
    <mergeCell ref="C18:C20"/>
    <mergeCell ref="F18:K18"/>
    <mergeCell ref="L18:M18"/>
    <mergeCell ref="F19:K19"/>
    <mergeCell ref="L19:M19"/>
    <mergeCell ref="F20:K20"/>
    <mergeCell ref="L20:M20"/>
    <mergeCell ref="B8:N8"/>
    <mergeCell ref="H10:J10"/>
    <mergeCell ref="H11:J11"/>
    <mergeCell ref="H12:J12"/>
    <mergeCell ref="H13:J13"/>
    <mergeCell ref="F17:K17"/>
    <mergeCell ref="L17:M17"/>
  </mergeCells>
  <phoneticPr fontId="7"/>
  <conditionalFormatting sqref="G34:G39">
    <cfRule type="cellIs" dxfId="165" priority="1" operator="greaterThan">
      <formula>0</formula>
    </cfRule>
  </conditionalFormatting>
  <dataValidations count="5">
    <dataValidation type="list" showInputMessage="1" showErrorMessage="1" prompt="判定基準を満たす： Applicable_x000a_満たさない： Not Applicable" sqref="L77:L85 M77:M84 L87 L58:M58 L51:M54 L20:M29 L43:M46 L48:M49" xr:uid="{23459638-A281-42C9-8653-C61F4FB17E9D}">
      <formula1>"&lt; Applicable          　　     / Not Applicable &gt;, Applicable, Not Applicable"</formula1>
    </dataValidation>
    <dataValidation type="list" allowBlank="1" showInputMessage="1" showErrorMessage="1" sqref="L65371:M65381 TD65372:TE65382 ACZ65372:ADA65382 AMV65372:AMW65382 AWR65372:AWS65382 BGN65372:BGO65382 BQJ65372:BQK65382 CAF65372:CAG65382 CKB65372:CKC65382 CTX65372:CTY65382 DDT65372:DDU65382 DNP65372:DNQ65382 DXL65372:DXM65382 EHH65372:EHI65382 ERD65372:ERE65382 FAZ65372:FBA65382 FKV65372:FKW65382 FUR65372:FUS65382 GEN65372:GEO65382 GOJ65372:GOK65382 GYF65372:GYG65382 HIB65372:HIC65382 HRX65372:HRY65382 IBT65372:IBU65382 ILP65372:ILQ65382 IVL65372:IVM65382 JFH65372:JFI65382 JPD65372:JPE65382 JYZ65372:JZA65382 KIV65372:KIW65382 KSR65372:KSS65382 LCN65372:LCO65382 LMJ65372:LMK65382 LWF65372:LWG65382 MGB65372:MGC65382 MPX65372:MPY65382 MZT65372:MZU65382 NJP65372:NJQ65382 NTL65372:NTM65382 ODH65372:ODI65382 OND65372:ONE65382 OWZ65372:OXA65382 PGV65372:PGW65382 PQR65372:PQS65382 QAN65372:QAO65382 QKJ65372:QKK65382 QUF65372:QUG65382 REB65372:REC65382 RNX65372:RNY65382 RXT65372:RXU65382 SHP65372:SHQ65382 SRL65372:SRM65382 TBH65372:TBI65382 TLD65372:TLE65382 TUZ65372:TVA65382 UEV65372:UEW65382 UOR65372:UOS65382 UYN65372:UYO65382 VIJ65372:VIK65382 VSF65372:VSG65382 WCB65372:WCC65382 WLX65372:WLY65382 WVT65372:WVU65382 L130907:M130917 JH130908:JI130918 TD130908:TE130918 ACZ130908:ADA130918 AMV130908:AMW130918 AWR130908:AWS130918 BGN130908:BGO130918 BQJ130908:BQK130918 CAF130908:CAG130918 CKB130908:CKC130918 CTX130908:CTY130918 DDT130908:DDU130918 DNP130908:DNQ130918 DXL130908:DXM130918 EHH130908:EHI130918 ERD130908:ERE130918 FAZ130908:FBA130918 FKV130908:FKW130918 FUR130908:FUS130918 GEN130908:GEO130918 GOJ130908:GOK130918 GYF130908:GYG130918 HIB130908:HIC130918 HRX130908:HRY130918 IBT130908:IBU130918 ILP130908:ILQ130918 IVL130908:IVM130918 JFH130908:JFI130918 JPD130908:JPE130918 JYZ130908:JZA130918 KIV130908:KIW130918 KSR130908:KSS130918 LCN130908:LCO130918 LMJ130908:LMK130918 LWF130908:LWG130918 MGB130908:MGC130918 MPX130908:MPY130918 MZT130908:MZU130918 NJP130908:NJQ130918 NTL130908:NTM130918 ODH130908:ODI130918 OND130908:ONE130918 OWZ130908:OXA130918 PGV130908:PGW130918 PQR130908:PQS130918 QAN130908:QAO130918 QKJ130908:QKK130918 QUF130908:QUG130918 REB130908:REC130918 RNX130908:RNY130918 RXT130908:RXU130918 SHP130908:SHQ130918 SRL130908:SRM130918 TBH130908:TBI130918 TLD130908:TLE130918 TUZ130908:TVA130918 UEV130908:UEW130918 UOR130908:UOS130918 UYN130908:UYO130918 VIJ130908:VIK130918 VSF130908:VSG130918 WCB130908:WCC130918 WLX130908:WLY130918 WVT130908:WVU130918 L196443:M196453 JH196444:JI196454 TD196444:TE196454 ACZ196444:ADA196454 AMV196444:AMW196454 AWR196444:AWS196454 BGN196444:BGO196454 BQJ196444:BQK196454 CAF196444:CAG196454 CKB196444:CKC196454 CTX196444:CTY196454 DDT196444:DDU196454 DNP196444:DNQ196454 DXL196444:DXM196454 EHH196444:EHI196454 ERD196444:ERE196454 FAZ196444:FBA196454 FKV196444:FKW196454 FUR196444:FUS196454 GEN196444:GEO196454 GOJ196444:GOK196454 GYF196444:GYG196454 HIB196444:HIC196454 HRX196444:HRY196454 IBT196444:IBU196454 ILP196444:ILQ196454 IVL196444:IVM196454 JFH196444:JFI196454 JPD196444:JPE196454 JYZ196444:JZA196454 KIV196444:KIW196454 KSR196444:KSS196454 LCN196444:LCO196454 LMJ196444:LMK196454 LWF196444:LWG196454 MGB196444:MGC196454 MPX196444:MPY196454 MZT196444:MZU196454 NJP196444:NJQ196454 NTL196444:NTM196454 ODH196444:ODI196454 OND196444:ONE196454 OWZ196444:OXA196454 PGV196444:PGW196454 PQR196444:PQS196454 QAN196444:QAO196454 QKJ196444:QKK196454 QUF196444:QUG196454 REB196444:REC196454 RNX196444:RNY196454 RXT196444:RXU196454 SHP196444:SHQ196454 SRL196444:SRM196454 TBH196444:TBI196454 TLD196444:TLE196454 TUZ196444:TVA196454 UEV196444:UEW196454 UOR196444:UOS196454 UYN196444:UYO196454 VIJ196444:VIK196454 VSF196444:VSG196454 WCB196444:WCC196454 WLX196444:WLY196454 WVT196444:WVU196454 L261979:M261989 JH261980:JI261990 TD261980:TE261990 ACZ261980:ADA261990 AMV261980:AMW261990 AWR261980:AWS261990 BGN261980:BGO261990 BQJ261980:BQK261990 CAF261980:CAG261990 CKB261980:CKC261990 CTX261980:CTY261990 DDT261980:DDU261990 DNP261980:DNQ261990 DXL261980:DXM261990 EHH261980:EHI261990 ERD261980:ERE261990 FAZ261980:FBA261990 FKV261980:FKW261990 FUR261980:FUS261990 GEN261980:GEO261990 GOJ261980:GOK261990 GYF261980:GYG261990 HIB261980:HIC261990 HRX261980:HRY261990 IBT261980:IBU261990 ILP261980:ILQ261990 IVL261980:IVM261990 JFH261980:JFI261990 JPD261980:JPE261990 JYZ261980:JZA261990 KIV261980:KIW261990 KSR261980:KSS261990 LCN261980:LCO261990 LMJ261980:LMK261990 LWF261980:LWG261990 MGB261980:MGC261990 MPX261980:MPY261990 MZT261980:MZU261990 NJP261980:NJQ261990 NTL261980:NTM261990 ODH261980:ODI261990 OND261980:ONE261990 OWZ261980:OXA261990 PGV261980:PGW261990 PQR261980:PQS261990 QAN261980:QAO261990 QKJ261980:QKK261990 QUF261980:QUG261990 REB261980:REC261990 RNX261980:RNY261990 RXT261980:RXU261990 SHP261980:SHQ261990 SRL261980:SRM261990 TBH261980:TBI261990 TLD261980:TLE261990 TUZ261980:TVA261990 UEV261980:UEW261990 UOR261980:UOS261990 UYN261980:UYO261990 VIJ261980:VIK261990 VSF261980:VSG261990 WCB261980:WCC261990 WLX261980:WLY261990 WVT261980:WVU261990 L327515:M327525 JH327516:JI327526 TD327516:TE327526 ACZ327516:ADA327526 AMV327516:AMW327526 AWR327516:AWS327526 BGN327516:BGO327526 BQJ327516:BQK327526 CAF327516:CAG327526 CKB327516:CKC327526 CTX327516:CTY327526 DDT327516:DDU327526 DNP327516:DNQ327526 DXL327516:DXM327526 EHH327516:EHI327526 ERD327516:ERE327526 FAZ327516:FBA327526 FKV327516:FKW327526 FUR327516:FUS327526 GEN327516:GEO327526 GOJ327516:GOK327526 GYF327516:GYG327526 HIB327516:HIC327526 HRX327516:HRY327526 IBT327516:IBU327526 ILP327516:ILQ327526 IVL327516:IVM327526 JFH327516:JFI327526 JPD327516:JPE327526 JYZ327516:JZA327526 KIV327516:KIW327526 KSR327516:KSS327526 LCN327516:LCO327526 LMJ327516:LMK327526 LWF327516:LWG327526 MGB327516:MGC327526 MPX327516:MPY327526 MZT327516:MZU327526 NJP327516:NJQ327526 NTL327516:NTM327526 ODH327516:ODI327526 OND327516:ONE327526 OWZ327516:OXA327526 PGV327516:PGW327526 PQR327516:PQS327526 QAN327516:QAO327526 QKJ327516:QKK327526 QUF327516:QUG327526 REB327516:REC327526 RNX327516:RNY327526 RXT327516:RXU327526 SHP327516:SHQ327526 SRL327516:SRM327526 TBH327516:TBI327526 TLD327516:TLE327526 TUZ327516:TVA327526 UEV327516:UEW327526 UOR327516:UOS327526 UYN327516:UYO327526 VIJ327516:VIK327526 VSF327516:VSG327526 WCB327516:WCC327526 WLX327516:WLY327526 WVT327516:WVU327526 L393051:M393061 JH393052:JI393062 TD393052:TE393062 ACZ393052:ADA393062 AMV393052:AMW393062 AWR393052:AWS393062 BGN393052:BGO393062 BQJ393052:BQK393062 CAF393052:CAG393062 CKB393052:CKC393062 CTX393052:CTY393062 DDT393052:DDU393062 DNP393052:DNQ393062 DXL393052:DXM393062 EHH393052:EHI393062 ERD393052:ERE393062 FAZ393052:FBA393062 FKV393052:FKW393062 FUR393052:FUS393062 GEN393052:GEO393062 GOJ393052:GOK393062 GYF393052:GYG393062 HIB393052:HIC393062 HRX393052:HRY393062 IBT393052:IBU393062 ILP393052:ILQ393062 IVL393052:IVM393062 JFH393052:JFI393062 JPD393052:JPE393062 JYZ393052:JZA393062 KIV393052:KIW393062 KSR393052:KSS393062 LCN393052:LCO393062 LMJ393052:LMK393062 LWF393052:LWG393062 MGB393052:MGC393062 MPX393052:MPY393062 MZT393052:MZU393062 NJP393052:NJQ393062 NTL393052:NTM393062 ODH393052:ODI393062 OND393052:ONE393062 OWZ393052:OXA393062 PGV393052:PGW393062 PQR393052:PQS393062 QAN393052:QAO393062 QKJ393052:QKK393062 QUF393052:QUG393062 REB393052:REC393062 RNX393052:RNY393062 RXT393052:RXU393062 SHP393052:SHQ393062 SRL393052:SRM393062 TBH393052:TBI393062 TLD393052:TLE393062 TUZ393052:TVA393062 UEV393052:UEW393062 UOR393052:UOS393062 UYN393052:UYO393062 VIJ393052:VIK393062 VSF393052:VSG393062 WCB393052:WCC393062 WLX393052:WLY393062 WVT393052:WVU393062 L458587:M458597 JH458588:JI458598 TD458588:TE458598 ACZ458588:ADA458598 AMV458588:AMW458598 AWR458588:AWS458598 BGN458588:BGO458598 BQJ458588:BQK458598 CAF458588:CAG458598 CKB458588:CKC458598 CTX458588:CTY458598 DDT458588:DDU458598 DNP458588:DNQ458598 DXL458588:DXM458598 EHH458588:EHI458598 ERD458588:ERE458598 FAZ458588:FBA458598 FKV458588:FKW458598 FUR458588:FUS458598 GEN458588:GEO458598 GOJ458588:GOK458598 GYF458588:GYG458598 HIB458588:HIC458598 HRX458588:HRY458598 IBT458588:IBU458598 ILP458588:ILQ458598 IVL458588:IVM458598 JFH458588:JFI458598 JPD458588:JPE458598 JYZ458588:JZA458598 KIV458588:KIW458598 KSR458588:KSS458598 LCN458588:LCO458598 LMJ458588:LMK458598 LWF458588:LWG458598 MGB458588:MGC458598 MPX458588:MPY458598 MZT458588:MZU458598 NJP458588:NJQ458598 NTL458588:NTM458598 ODH458588:ODI458598 OND458588:ONE458598 OWZ458588:OXA458598 PGV458588:PGW458598 PQR458588:PQS458598 QAN458588:QAO458598 QKJ458588:QKK458598 QUF458588:QUG458598 REB458588:REC458598 RNX458588:RNY458598 RXT458588:RXU458598 SHP458588:SHQ458598 SRL458588:SRM458598 TBH458588:TBI458598 TLD458588:TLE458598 TUZ458588:TVA458598 UEV458588:UEW458598 UOR458588:UOS458598 UYN458588:UYO458598 VIJ458588:VIK458598 VSF458588:VSG458598 WCB458588:WCC458598 WLX458588:WLY458598 WVT458588:WVU458598 L524123:M524133 JH524124:JI524134 TD524124:TE524134 ACZ524124:ADA524134 AMV524124:AMW524134 AWR524124:AWS524134 BGN524124:BGO524134 BQJ524124:BQK524134 CAF524124:CAG524134 CKB524124:CKC524134 CTX524124:CTY524134 DDT524124:DDU524134 DNP524124:DNQ524134 DXL524124:DXM524134 EHH524124:EHI524134 ERD524124:ERE524134 FAZ524124:FBA524134 FKV524124:FKW524134 FUR524124:FUS524134 GEN524124:GEO524134 GOJ524124:GOK524134 GYF524124:GYG524134 HIB524124:HIC524134 HRX524124:HRY524134 IBT524124:IBU524134 ILP524124:ILQ524134 IVL524124:IVM524134 JFH524124:JFI524134 JPD524124:JPE524134 JYZ524124:JZA524134 KIV524124:KIW524134 KSR524124:KSS524134 LCN524124:LCO524134 LMJ524124:LMK524134 LWF524124:LWG524134 MGB524124:MGC524134 MPX524124:MPY524134 MZT524124:MZU524134 NJP524124:NJQ524134 NTL524124:NTM524134 ODH524124:ODI524134 OND524124:ONE524134 OWZ524124:OXA524134 PGV524124:PGW524134 PQR524124:PQS524134 QAN524124:QAO524134 QKJ524124:QKK524134 QUF524124:QUG524134 REB524124:REC524134 RNX524124:RNY524134 RXT524124:RXU524134 SHP524124:SHQ524134 SRL524124:SRM524134 TBH524124:TBI524134 TLD524124:TLE524134 TUZ524124:TVA524134 UEV524124:UEW524134 UOR524124:UOS524134 UYN524124:UYO524134 VIJ524124:VIK524134 VSF524124:VSG524134 WCB524124:WCC524134 WLX524124:WLY524134 WVT524124:WVU524134 L589659:M589669 JH589660:JI589670 TD589660:TE589670 ACZ589660:ADA589670 AMV589660:AMW589670 AWR589660:AWS589670 BGN589660:BGO589670 BQJ589660:BQK589670 CAF589660:CAG589670 CKB589660:CKC589670 CTX589660:CTY589670 DDT589660:DDU589670 DNP589660:DNQ589670 DXL589660:DXM589670 EHH589660:EHI589670 ERD589660:ERE589670 FAZ589660:FBA589670 FKV589660:FKW589670 FUR589660:FUS589670 GEN589660:GEO589670 GOJ589660:GOK589670 GYF589660:GYG589670 HIB589660:HIC589670 HRX589660:HRY589670 IBT589660:IBU589670 ILP589660:ILQ589670 IVL589660:IVM589670 JFH589660:JFI589670 JPD589660:JPE589670 JYZ589660:JZA589670 KIV589660:KIW589670 KSR589660:KSS589670 LCN589660:LCO589670 LMJ589660:LMK589670 LWF589660:LWG589670 MGB589660:MGC589670 MPX589660:MPY589670 MZT589660:MZU589670 NJP589660:NJQ589670 NTL589660:NTM589670 ODH589660:ODI589670 OND589660:ONE589670 OWZ589660:OXA589670 PGV589660:PGW589670 PQR589660:PQS589670 QAN589660:QAO589670 QKJ589660:QKK589670 QUF589660:QUG589670 REB589660:REC589670 RNX589660:RNY589670 RXT589660:RXU589670 SHP589660:SHQ589670 SRL589660:SRM589670 TBH589660:TBI589670 TLD589660:TLE589670 TUZ589660:TVA589670 UEV589660:UEW589670 UOR589660:UOS589670 UYN589660:UYO589670 VIJ589660:VIK589670 VSF589660:VSG589670 WCB589660:WCC589670 WLX589660:WLY589670 WVT589660:WVU589670 L655195:M655205 JH655196:JI655206 TD655196:TE655206 ACZ655196:ADA655206 AMV655196:AMW655206 AWR655196:AWS655206 BGN655196:BGO655206 BQJ655196:BQK655206 CAF655196:CAG655206 CKB655196:CKC655206 CTX655196:CTY655206 DDT655196:DDU655206 DNP655196:DNQ655206 DXL655196:DXM655206 EHH655196:EHI655206 ERD655196:ERE655206 FAZ655196:FBA655206 FKV655196:FKW655206 FUR655196:FUS655206 GEN655196:GEO655206 GOJ655196:GOK655206 GYF655196:GYG655206 HIB655196:HIC655206 HRX655196:HRY655206 IBT655196:IBU655206 ILP655196:ILQ655206 IVL655196:IVM655206 JFH655196:JFI655206 JPD655196:JPE655206 JYZ655196:JZA655206 KIV655196:KIW655206 KSR655196:KSS655206 LCN655196:LCO655206 LMJ655196:LMK655206 LWF655196:LWG655206 MGB655196:MGC655206 MPX655196:MPY655206 MZT655196:MZU655206 NJP655196:NJQ655206 NTL655196:NTM655206 ODH655196:ODI655206 OND655196:ONE655206 OWZ655196:OXA655206 PGV655196:PGW655206 PQR655196:PQS655206 QAN655196:QAO655206 QKJ655196:QKK655206 QUF655196:QUG655206 REB655196:REC655206 RNX655196:RNY655206 RXT655196:RXU655206 SHP655196:SHQ655206 SRL655196:SRM655206 TBH655196:TBI655206 TLD655196:TLE655206 TUZ655196:TVA655206 UEV655196:UEW655206 UOR655196:UOS655206 UYN655196:UYO655206 VIJ655196:VIK655206 VSF655196:VSG655206 WCB655196:WCC655206 WLX655196:WLY655206 WVT655196:WVU655206 L720731:M720741 JH720732:JI720742 TD720732:TE720742 ACZ720732:ADA720742 AMV720732:AMW720742 AWR720732:AWS720742 BGN720732:BGO720742 BQJ720732:BQK720742 CAF720732:CAG720742 CKB720732:CKC720742 CTX720732:CTY720742 DDT720732:DDU720742 DNP720732:DNQ720742 DXL720732:DXM720742 EHH720732:EHI720742 ERD720732:ERE720742 FAZ720732:FBA720742 FKV720732:FKW720742 FUR720732:FUS720742 GEN720732:GEO720742 GOJ720732:GOK720742 GYF720732:GYG720742 HIB720732:HIC720742 HRX720732:HRY720742 IBT720732:IBU720742 ILP720732:ILQ720742 IVL720732:IVM720742 JFH720732:JFI720742 JPD720732:JPE720742 JYZ720732:JZA720742 KIV720732:KIW720742 KSR720732:KSS720742 LCN720732:LCO720742 LMJ720732:LMK720742 LWF720732:LWG720742 MGB720732:MGC720742 MPX720732:MPY720742 MZT720732:MZU720742 NJP720732:NJQ720742 NTL720732:NTM720742 ODH720732:ODI720742 OND720732:ONE720742 OWZ720732:OXA720742 PGV720732:PGW720742 PQR720732:PQS720742 QAN720732:QAO720742 QKJ720732:QKK720742 QUF720732:QUG720742 REB720732:REC720742 RNX720732:RNY720742 RXT720732:RXU720742 SHP720732:SHQ720742 SRL720732:SRM720742 TBH720732:TBI720742 TLD720732:TLE720742 TUZ720732:TVA720742 UEV720732:UEW720742 UOR720732:UOS720742 UYN720732:UYO720742 VIJ720732:VIK720742 VSF720732:VSG720742 WCB720732:WCC720742 WLX720732:WLY720742 WVT720732:WVU720742 L786267:M786277 JH786268:JI786278 TD786268:TE786278 ACZ786268:ADA786278 AMV786268:AMW786278 AWR786268:AWS786278 BGN786268:BGO786278 BQJ786268:BQK786278 CAF786268:CAG786278 CKB786268:CKC786278 CTX786268:CTY786278 DDT786268:DDU786278 DNP786268:DNQ786278 DXL786268:DXM786278 EHH786268:EHI786278 ERD786268:ERE786278 FAZ786268:FBA786278 FKV786268:FKW786278 FUR786268:FUS786278 GEN786268:GEO786278 GOJ786268:GOK786278 GYF786268:GYG786278 HIB786268:HIC786278 HRX786268:HRY786278 IBT786268:IBU786278 ILP786268:ILQ786278 IVL786268:IVM786278 JFH786268:JFI786278 JPD786268:JPE786278 JYZ786268:JZA786278 KIV786268:KIW786278 KSR786268:KSS786278 LCN786268:LCO786278 LMJ786268:LMK786278 LWF786268:LWG786278 MGB786268:MGC786278 MPX786268:MPY786278 MZT786268:MZU786278 NJP786268:NJQ786278 NTL786268:NTM786278 ODH786268:ODI786278 OND786268:ONE786278 OWZ786268:OXA786278 PGV786268:PGW786278 PQR786268:PQS786278 QAN786268:QAO786278 QKJ786268:QKK786278 QUF786268:QUG786278 REB786268:REC786278 RNX786268:RNY786278 RXT786268:RXU786278 SHP786268:SHQ786278 SRL786268:SRM786278 TBH786268:TBI786278 TLD786268:TLE786278 TUZ786268:TVA786278 UEV786268:UEW786278 UOR786268:UOS786278 UYN786268:UYO786278 VIJ786268:VIK786278 VSF786268:VSG786278 WCB786268:WCC786278 WLX786268:WLY786278 WVT786268:WVU786278 L851803:M851813 JH851804:JI851814 TD851804:TE851814 ACZ851804:ADA851814 AMV851804:AMW851814 AWR851804:AWS851814 BGN851804:BGO851814 BQJ851804:BQK851814 CAF851804:CAG851814 CKB851804:CKC851814 CTX851804:CTY851814 DDT851804:DDU851814 DNP851804:DNQ851814 DXL851804:DXM851814 EHH851804:EHI851814 ERD851804:ERE851814 FAZ851804:FBA851814 FKV851804:FKW851814 FUR851804:FUS851814 GEN851804:GEO851814 GOJ851804:GOK851814 GYF851804:GYG851814 HIB851804:HIC851814 HRX851804:HRY851814 IBT851804:IBU851814 ILP851804:ILQ851814 IVL851804:IVM851814 JFH851804:JFI851814 JPD851804:JPE851814 JYZ851804:JZA851814 KIV851804:KIW851814 KSR851804:KSS851814 LCN851804:LCO851814 LMJ851804:LMK851814 LWF851804:LWG851814 MGB851804:MGC851814 MPX851804:MPY851814 MZT851804:MZU851814 NJP851804:NJQ851814 NTL851804:NTM851814 ODH851804:ODI851814 OND851804:ONE851814 OWZ851804:OXA851814 PGV851804:PGW851814 PQR851804:PQS851814 QAN851804:QAO851814 QKJ851804:QKK851814 QUF851804:QUG851814 REB851804:REC851814 RNX851804:RNY851814 RXT851804:RXU851814 SHP851804:SHQ851814 SRL851804:SRM851814 TBH851804:TBI851814 TLD851804:TLE851814 TUZ851804:TVA851814 UEV851804:UEW851814 UOR851804:UOS851814 UYN851804:UYO851814 VIJ851804:VIK851814 VSF851804:VSG851814 WCB851804:WCC851814 WLX851804:WLY851814 WVT851804:WVU851814 L917339:M917349 JH917340:JI917350 TD917340:TE917350 ACZ917340:ADA917350 AMV917340:AMW917350 AWR917340:AWS917350 BGN917340:BGO917350 BQJ917340:BQK917350 CAF917340:CAG917350 CKB917340:CKC917350 CTX917340:CTY917350 DDT917340:DDU917350 DNP917340:DNQ917350 DXL917340:DXM917350 EHH917340:EHI917350 ERD917340:ERE917350 FAZ917340:FBA917350 FKV917340:FKW917350 FUR917340:FUS917350 GEN917340:GEO917350 GOJ917340:GOK917350 GYF917340:GYG917350 HIB917340:HIC917350 HRX917340:HRY917350 IBT917340:IBU917350 ILP917340:ILQ917350 IVL917340:IVM917350 JFH917340:JFI917350 JPD917340:JPE917350 JYZ917340:JZA917350 KIV917340:KIW917350 KSR917340:KSS917350 LCN917340:LCO917350 LMJ917340:LMK917350 LWF917340:LWG917350 MGB917340:MGC917350 MPX917340:MPY917350 MZT917340:MZU917350 NJP917340:NJQ917350 NTL917340:NTM917350 ODH917340:ODI917350 OND917340:ONE917350 OWZ917340:OXA917350 PGV917340:PGW917350 PQR917340:PQS917350 QAN917340:QAO917350 QKJ917340:QKK917350 QUF917340:QUG917350 REB917340:REC917350 RNX917340:RNY917350 RXT917340:RXU917350 SHP917340:SHQ917350 SRL917340:SRM917350 TBH917340:TBI917350 TLD917340:TLE917350 TUZ917340:TVA917350 UEV917340:UEW917350 UOR917340:UOS917350 UYN917340:UYO917350 VIJ917340:VIK917350 VSF917340:VSG917350 WCB917340:WCC917350 WLX917340:WLY917350 WVT917340:WVU917350 L982875:M982885 JH982876:JI982886 TD982876:TE982886 ACZ982876:ADA982886 AMV982876:AMW982886 AWR982876:AWS982886 BGN982876:BGO982886 BQJ982876:BQK982886 CAF982876:CAG982886 CKB982876:CKC982886 CTX982876:CTY982886 DDT982876:DDU982886 DNP982876:DNQ982886 DXL982876:DXM982886 EHH982876:EHI982886 ERD982876:ERE982886 FAZ982876:FBA982886 FKV982876:FKW982886 FUR982876:FUS982886 GEN982876:GEO982886 GOJ982876:GOK982886 GYF982876:GYG982886 HIB982876:HIC982886 HRX982876:HRY982886 IBT982876:IBU982886 ILP982876:ILQ982886 IVL982876:IVM982886 JFH982876:JFI982886 JPD982876:JPE982886 JYZ982876:JZA982886 KIV982876:KIW982886 KSR982876:KSS982886 LCN982876:LCO982886 LMJ982876:LMK982886 LWF982876:LWG982886 MGB982876:MGC982886 MPX982876:MPY982886 MZT982876:MZU982886 NJP982876:NJQ982886 NTL982876:NTM982886 ODH982876:ODI982886 OND982876:ONE982886 OWZ982876:OXA982886 PGV982876:PGW982886 PQR982876:PQS982886 QAN982876:QAO982886 QKJ982876:QKK982886 QUF982876:QUG982886 REB982876:REC982886 RNX982876:RNY982886 RXT982876:RXU982886 SHP982876:SHQ982886 SRL982876:SRM982886 TBH982876:TBI982886 TLD982876:TLE982886 TUZ982876:TVA982886 UEV982876:UEW982886 UOR982876:UOS982886 UYN982876:UYO982886 VIJ982876:VIK982886 VSF982876:VSG982886 WCB982876:WCC982886 WLX982876:WLY982886 WVT982876:WVU982886 JH65372:JI65382 L59:M60 TD59:TE64 JH59:JI64 WVT59:WVU64 WLX59:WLY64 WCB59:WCC64 VSF59:VSG64 VIJ59:VIK64 UYN59:UYO64 UOR59:UOS64 UEV59:UEW64 TUZ59:TVA64 TLD59:TLE64 TBH59:TBI64 SRL59:SRM64 SHP59:SHQ64 RXT59:RXU64 RNX59:RNY64 REB59:REC64 QUF59:QUG64 QKJ59:QKK64 QAN59:QAO64 PQR59:PQS64 PGV59:PGW64 OWZ59:OXA64 OND59:ONE64 ODH59:ODI64 NTL59:NTM64 NJP59:NJQ64 MZT59:MZU64 MPX59:MPY64 MGB59:MGC64 LWF59:LWG64 LMJ59:LMK64 LCN59:LCO64 KSR59:KSS64 KIV59:KIW64 JYZ59:JZA64 JPD59:JPE64 JFH59:JFI64 IVL59:IVM64 ILP59:ILQ64 IBT59:IBU64 HRX59:HRY64 HIB59:HIC64 GYF59:GYG64 GOJ59:GOK64 GEN59:GEO64 FUR59:FUS64 FKV59:FKW64 FAZ59:FBA64 ERD59:ERE64 EHH59:EHI64 DXL59:DXM64 DNP59:DNQ64 DDT59:DDU64 CTX59:CTY64 CKB59:CKC64 CAF59:CAG64 BQJ59:BQK64 BGN59:BGO64 AWR59:AWS64 AMV59:AMW64 L30:M39 ACZ59:ADA64 AMV45:AMW45 AMV51:AMW57 ACZ45:ADA45 ACZ51:ADA57 TD45:TE45 TD51:TE57 JH45:JI45 JH51:JI57 WVT45:WVU45 WVT51:WVU57 WLX45:WLY45 WLX51:WLY57 WCB45:WCC45 WCB51:WCC57 VSF45:VSG45 VSF51:VSG57 VIJ45:VIK45 VIJ51:VIK57 UYN45:UYO45 UYN51:UYO57 UOR45:UOS45 UOR51:UOS57 UEV45:UEW45 UEV51:UEW57 TUZ45:TVA45 TUZ51:TVA57 TLD45:TLE45 TLD51:TLE57 TBH45:TBI45 TBH51:TBI57 SRL45:SRM45 SRL51:SRM57 SHP45:SHQ45 SHP51:SHQ57 RXT45:RXU45 RXT51:RXU57 RNX45:RNY45 RNX51:RNY57 REB45:REC45 REB51:REC57 QUF45:QUG45 QUF51:QUG57 QKJ45:QKK45 QKJ51:QKK57 QAN45:QAO45 QAN51:QAO57 PQR45:PQS45 PQR51:PQS57 PGV45:PGW45 PGV51:PGW57 OWZ45:OXA45 OWZ51:OXA57 OND45:ONE45 OND51:ONE57 ODH45:ODI45 ODH51:ODI57 NTL45:NTM45 NTL51:NTM57 NJP45:NJQ45 NJP51:NJQ57 MZT45:MZU45 MZT51:MZU57 MPX45:MPY45 MPX51:MPY57 MGB45:MGC45 MGB51:MGC57 LWF45:LWG45 LWF51:LWG57 LMJ45:LMK45 LMJ51:LMK57 LCN45:LCO45 LCN51:LCO57 KSR45:KSS45 KSR51:KSS57 KIV45:KIW45 KIV51:KIW57 JYZ45:JZA45 JYZ51:JZA57 JPD45:JPE45 JPD51:JPE57 JFH45:JFI45 JFH51:JFI57 IVL45:IVM45 IVL51:IVM57 ILP45:ILQ45 ILP51:ILQ57 IBT45:IBU45 IBT51:IBU57 HRX45:HRY45 HRX51:HRY57 HIB45:HIC45 HIB51:HIC57 GYF45:GYG45 GYF51:GYG57 GOJ45:GOK45 GOJ51:GOK57 GEN45:GEO45 GEN51:GEO57 FUR45:FUS45 FUR51:FUS57 FKV45:FKW45 FKV51:FKW57 FAZ45:FBA45 FAZ51:FBA57 ERD45:ERE45 ERD51:ERE57 EHH45:EHI45 EHH51:EHI57 DXL45:DXM45 DXL51:DXM57 DNP45:DNQ45 DNP51:DNQ57 DDT45:DDU45 DDT51:DDU57 CTX45:CTY45 CTX51:CTY57 CKB45:CKC45 CKB51:CKC57 CAF45:CAG45 CAF51:CAG57 BQJ45:BQK45 BQJ51:BQK57 BGN45:BGO45 BGN51:BGO57 AWR45:AWS45 AWR51:AWS57 AMV46:AMW49 AWR46:AWS49 BGN46:BGO49 BQJ46:BQK49 CAF46:CAG49 CKB46:CKC49 CTX46:CTY49 DDT46:DDU49 DNP46:DNQ49 DXL46:DXM49 EHH46:EHI49 ERD46:ERE49 FAZ46:FBA49 FKV46:FKW49 FUR46:FUS49 GEN46:GEO49 GOJ46:GOK49 GYF46:GYG49 HIB46:HIC49 HRX46:HRY49 IBT46:IBU49 ILP46:ILQ49 IVL46:IVM49 JFH46:JFI49 JPD46:JPE49 JYZ46:JZA49 KIV46:KIW49 KSR46:KSS49 LCN46:LCO49 LMJ46:LMK49 LWF46:LWG49 MGB46:MGC49 MPX46:MPY49 MZT46:MZU49 NJP46:NJQ49 NTL46:NTM49 ODH46:ODI49 OND46:ONE49 OWZ46:OXA49 PGV46:PGW49 PQR46:PQS49 QAN46:QAO49 QKJ46:QKK49 QUF46:QUG49 REB46:REC49 RNX46:RNY49 RXT46:RXU49 SHP46:SHQ49 SRL46:SRM49 TBH46:TBI49 TLD46:TLE49 TUZ46:TVA49 UEV46:UEW49 UOR46:UOS49 UYN46:UYO49 VIJ46:VIK49 VSF46:VSG49 WCB46:WCC49 WLX46:WLY49 WVT46:WVU49 JH46:JI49 TD46:TE49 ACZ46:ADA49" xr:uid="{DF721771-4240-40DB-A6A6-8CC809DF09B3}">
      <formula1>"基準を満たす(Applicable)／満たさない(Not Applicable),基準を満たす(Applicable),満たさない(Not Applicable)"</formula1>
    </dataValidation>
    <dataValidation type="list" allowBlank="1" showInputMessage="1" showErrorMessage="1" sqref="G65397:H65398 JC65398:JD65399 SY65398:SZ65399 ACU65398:ACV65399 AMQ65398:AMR65399 AWM65398:AWN65399 BGI65398:BGJ65399 BQE65398:BQF65399 CAA65398:CAB65399 CJW65398:CJX65399 CTS65398:CTT65399 DDO65398:DDP65399 DNK65398:DNL65399 DXG65398:DXH65399 EHC65398:EHD65399 EQY65398:EQZ65399 FAU65398:FAV65399 FKQ65398:FKR65399 FUM65398:FUN65399 GEI65398:GEJ65399 GOE65398:GOF65399 GYA65398:GYB65399 HHW65398:HHX65399 HRS65398:HRT65399 IBO65398:IBP65399 ILK65398:ILL65399 IVG65398:IVH65399 JFC65398:JFD65399 JOY65398:JOZ65399 JYU65398:JYV65399 KIQ65398:KIR65399 KSM65398:KSN65399 LCI65398:LCJ65399 LME65398:LMF65399 LWA65398:LWB65399 MFW65398:MFX65399 MPS65398:MPT65399 MZO65398:MZP65399 NJK65398:NJL65399 NTG65398:NTH65399 ODC65398:ODD65399 OMY65398:OMZ65399 OWU65398:OWV65399 PGQ65398:PGR65399 PQM65398:PQN65399 QAI65398:QAJ65399 QKE65398:QKF65399 QUA65398:QUB65399 RDW65398:RDX65399 RNS65398:RNT65399 RXO65398:RXP65399 SHK65398:SHL65399 SRG65398:SRH65399 TBC65398:TBD65399 TKY65398:TKZ65399 TUU65398:TUV65399 UEQ65398:UER65399 UOM65398:UON65399 UYI65398:UYJ65399 VIE65398:VIF65399 VSA65398:VSB65399 WBW65398:WBX65399 WLS65398:WLT65399 WVO65398:WVP65399 G130933:H130934 JC130934:JD130935 SY130934:SZ130935 ACU130934:ACV130935 AMQ130934:AMR130935 AWM130934:AWN130935 BGI130934:BGJ130935 BQE130934:BQF130935 CAA130934:CAB130935 CJW130934:CJX130935 CTS130934:CTT130935 DDO130934:DDP130935 DNK130934:DNL130935 DXG130934:DXH130935 EHC130934:EHD130935 EQY130934:EQZ130935 FAU130934:FAV130935 FKQ130934:FKR130935 FUM130934:FUN130935 GEI130934:GEJ130935 GOE130934:GOF130935 GYA130934:GYB130935 HHW130934:HHX130935 HRS130934:HRT130935 IBO130934:IBP130935 ILK130934:ILL130935 IVG130934:IVH130935 JFC130934:JFD130935 JOY130934:JOZ130935 JYU130934:JYV130935 KIQ130934:KIR130935 KSM130934:KSN130935 LCI130934:LCJ130935 LME130934:LMF130935 LWA130934:LWB130935 MFW130934:MFX130935 MPS130934:MPT130935 MZO130934:MZP130935 NJK130934:NJL130935 NTG130934:NTH130935 ODC130934:ODD130935 OMY130934:OMZ130935 OWU130934:OWV130935 PGQ130934:PGR130935 PQM130934:PQN130935 QAI130934:QAJ130935 QKE130934:QKF130935 QUA130934:QUB130935 RDW130934:RDX130935 RNS130934:RNT130935 RXO130934:RXP130935 SHK130934:SHL130935 SRG130934:SRH130935 TBC130934:TBD130935 TKY130934:TKZ130935 TUU130934:TUV130935 UEQ130934:UER130935 UOM130934:UON130935 UYI130934:UYJ130935 VIE130934:VIF130935 VSA130934:VSB130935 WBW130934:WBX130935 WLS130934:WLT130935 WVO130934:WVP130935 G196469:H196470 JC196470:JD196471 SY196470:SZ196471 ACU196470:ACV196471 AMQ196470:AMR196471 AWM196470:AWN196471 BGI196470:BGJ196471 BQE196470:BQF196471 CAA196470:CAB196471 CJW196470:CJX196471 CTS196470:CTT196471 DDO196470:DDP196471 DNK196470:DNL196471 DXG196470:DXH196471 EHC196470:EHD196471 EQY196470:EQZ196471 FAU196470:FAV196471 FKQ196470:FKR196471 FUM196470:FUN196471 GEI196470:GEJ196471 GOE196470:GOF196471 GYA196470:GYB196471 HHW196470:HHX196471 HRS196470:HRT196471 IBO196470:IBP196471 ILK196470:ILL196471 IVG196470:IVH196471 JFC196470:JFD196471 JOY196470:JOZ196471 JYU196470:JYV196471 KIQ196470:KIR196471 KSM196470:KSN196471 LCI196470:LCJ196471 LME196470:LMF196471 LWA196470:LWB196471 MFW196470:MFX196471 MPS196470:MPT196471 MZO196470:MZP196471 NJK196470:NJL196471 NTG196470:NTH196471 ODC196470:ODD196471 OMY196470:OMZ196471 OWU196470:OWV196471 PGQ196470:PGR196471 PQM196470:PQN196471 QAI196470:QAJ196471 QKE196470:QKF196471 QUA196470:QUB196471 RDW196470:RDX196471 RNS196470:RNT196471 RXO196470:RXP196471 SHK196470:SHL196471 SRG196470:SRH196471 TBC196470:TBD196471 TKY196470:TKZ196471 TUU196470:TUV196471 UEQ196470:UER196471 UOM196470:UON196471 UYI196470:UYJ196471 VIE196470:VIF196471 VSA196470:VSB196471 WBW196470:WBX196471 WLS196470:WLT196471 WVO196470:WVP196471 G262005:H262006 JC262006:JD262007 SY262006:SZ262007 ACU262006:ACV262007 AMQ262006:AMR262007 AWM262006:AWN262007 BGI262006:BGJ262007 BQE262006:BQF262007 CAA262006:CAB262007 CJW262006:CJX262007 CTS262006:CTT262007 DDO262006:DDP262007 DNK262006:DNL262007 DXG262006:DXH262007 EHC262006:EHD262007 EQY262006:EQZ262007 FAU262006:FAV262007 FKQ262006:FKR262007 FUM262006:FUN262007 GEI262006:GEJ262007 GOE262006:GOF262007 GYA262006:GYB262007 HHW262006:HHX262007 HRS262006:HRT262007 IBO262006:IBP262007 ILK262006:ILL262007 IVG262006:IVH262007 JFC262006:JFD262007 JOY262006:JOZ262007 JYU262006:JYV262007 KIQ262006:KIR262007 KSM262006:KSN262007 LCI262006:LCJ262007 LME262006:LMF262007 LWA262006:LWB262007 MFW262006:MFX262007 MPS262006:MPT262007 MZO262006:MZP262007 NJK262006:NJL262007 NTG262006:NTH262007 ODC262006:ODD262007 OMY262006:OMZ262007 OWU262006:OWV262007 PGQ262006:PGR262007 PQM262006:PQN262007 QAI262006:QAJ262007 QKE262006:QKF262007 QUA262006:QUB262007 RDW262006:RDX262007 RNS262006:RNT262007 RXO262006:RXP262007 SHK262006:SHL262007 SRG262006:SRH262007 TBC262006:TBD262007 TKY262006:TKZ262007 TUU262006:TUV262007 UEQ262006:UER262007 UOM262006:UON262007 UYI262006:UYJ262007 VIE262006:VIF262007 VSA262006:VSB262007 WBW262006:WBX262007 WLS262006:WLT262007 WVO262006:WVP262007 G327541:H327542 JC327542:JD327543 SY327542:SZ327543 ACU327542:ACV327543 AMQ327542:AMR327543 AWM327542:AWN327543 BGI327542:BGJ327543 BQE327542:BQF327543 CAA327542:CAB327543 CJW327542:CJX327543 CTS327542:CTT327543 DDO327542:DDP327543 DNK327542:DNL327543 DXG327542:DXH327543 EHC327542:EHD327543 EQY327542:EQZ327543 FAU327542:FAV327543 FKQ327542:FKR327543 FUM327542:FUN327543 GEI327542:GEJ327543 GOE327542:GOF327543 GYA327542:GYB327543 HHW327542:HHX327543 HRS327542:HRT327543 IBO327542:IBP327543 ILK327542:ILL327543 IVG327542:IVH327543 JFC327542:JFD327543 JOY327542:JOZ327543 JYU327542:JYV327543 KIQ327542:KIR327543 KSM327542:KSN327543 LCI327542:LCJ327543 LME327542:LMF327543 LWA327542:LWB327543 MFW327542:MFX327543 MPS327542:MPT327543 MZO327542:MZP327543 NJK327542:NJL327543 NTG327542:NTH327543 ODC327542:ODD327543 OMY327542:OMZ327543 OWU327542:OWV327543 PGQ327542:PGR327543 PQM327542:PQN327543 QAI327542:QAJ327543 QKE327542:QKF327543 QUA327542:QUB327543 RDW327542:RDX327543 RNS327542:RNT327543 RXO327542:RXP327543 SHK327542:SHL327543 SRG327542:SRH327543 TBC327542:TBD327543 TKY327542:TKZ327543 TUU327542:TUV327543 UEQ327542:UER327543 UOM327542:UON327543 UYI327542:UYJ327543 VIE327542:VIF327543 VSA327542:VSB327543 WBW327542:WBX327543 WLS327542:WLT327543 WVO327542:WVP327543 G393077:H393078 JC393078:JD393079 SY393078:SZ393079 ACU393078:ACV393079 AMQ393078:AMR393079 AWM393078:AWN393079 BGI393078:BGJ393079 BQE393078:BQF393079 CAA393078:CAB393079 CJW393078:CJX393079 CTS393078:CTT393079 DDO393078:DDP393079 DNK393078:DNL393079 DXG393078:DXH393079 EHC393078:EHD393079 EQY393078:EQZ393079 FAU393078:FAV393079 FKQ393078:FKR393079 FUM393078:FUN393079 GEI393078:GEJ393079 GOE393078:GOF393079 GYA393078:GYB393079 HHW393078:HHX393079 HRS393078:HRT393079 IBO393078:IBP393079 ILK393078:ILL393079 IVG393078:IVH393079 JFC393078:JFD393079 JOY393078:JOZ393079 JYU393078:JYV393079 KIQ393078:KIR393079 KSM393078:KSN393079 LCI393078:LCJ393079 LME393078:LMF393079 LWA393078:LWB393079 MFW393078:MFX393079 MPS393078:MPT393079 MZO393078:MZP393079 NJK393078:NJL393079 NTG393078:NTH393079 ODC393078:ODD393079 OMY393078:OMZ393079 OWU393078:OWV393079 PGQ393078:PGR393079 PQM393078:PQN393079 QAI393078:QAJ393079 QKE393078:QKF393079 QUA393078:QUB393079 RDW393078:RDX393079 RNS393078:RNT393079 RXO393078:RXP393079 SHK393078:SHL393079 SRG393078:SRH393079 TBC393078:TBD393079 TKY393078:TKZ393079 TUU393078:TUV393079 UEQ393078:UER393079 UOM393078:UON393079 UYI393078:UYJ393079 VIE393078:VIF393079 VSA393078:VSB393079 WBW393078:WBX393079 WLS393078:WLT393079 WVO393078:WVP393079 G458613:H458614 JC458614:JD458615 SY458614:SZ458615 ACU458614:ACV458615 AMQ458614:AMR458615 AWM458614:AWN458615 BGI458614:BGJ458615 BQE458614:BQF458615 CAA458614:CAB458615 CJW458614:CJX458615 CTS458614:CTT458615 DDO458614:DDP458615 DNK458614:DNL458615 DXG458614:DXH458615 EHC458614:EHD458615 EQY458614:EQZ458615 FAU458614:FAV458615 FKQ458614:FKR458615 FUM458614:FUN458615 GEI458614:GEJ458615 GOE458614:GOF458615 GYA458614:GYB458615 HHW458614:HHX458615 HRS458614:HRT458615 IBO458614:IBP458615 ILK458614:ILL458615 IVG458614:IVH458615 JFC458614:JFD458615 JOY458614:JOZ458615 JYU458614:JYV458615 KIQ458614:KIR458615 KSM458614:KSN458615 LCI458614:LCJ458615 LME458614:LMF458615 LWA458614:LWB458615 MFW458614:MFX458615 MPS458614:MPT458615 MZO458614:MZP458615 NJK458614:NJL458615 NTG458614:NTH458615 ODC458614:ODD458615 OMY458614:OMZ458615 OWU458614:OWV458615 PGQ458614:PGR458615 PQM458614:PQN458615 QAI458614:QAJ458615 QKE458614:QKF458615 QUA458614:QUB458615 RDW458614:RDX458615 RNS458614:RNT458615 RXO458614:RXP458615 SHK458614:SHL458615 SRG458614:SRH458615 TBC458614:TBD458615 TKY458614:TKZ458615 TUU458614:TUV458615 UEQ458614:UER458615 UOM458614:UON458615 UYI458614:UYJ458615 VIE458614:VIF458615 VSA458614:VSB458615 WBW458614:WBX458615 WLS458614:WLT458615 WVO458614:WVP458615 G524149:H524150 JC524150:JD524151 SY524150:SZ524151 ACU524150:ACV524151 AMQ524150:AMR524151 AWM524150:AWN524151 BGI524150:BGJ524151 BQE524150:BQF524151 CAA524150:CAB524151 CJW524150:CJX524151 CTS524150:CTT524151 DDO524150:DDP524151 DNK524150:DNL524151 DXG524150:DXH524151 EHC524150:EHD524151 EQY524150:EQZ524151 FAU524150:FAV524151 FKQ524150:FKR524151 FUM524150:FUN524151 GEI524150:GEJ524151 GOE524150:GOF524151 GYA524150:GYB524151 HHW524150:HHX524151 HRS524150:HRT524151 IBO524150:IBP524151 ILK524150:ILL524151 IVG524150:IVH524151 JFC524150:JFD524151 JOY524150:JOZ524151 JYU524150:JYV524151 KIQ524150:KIR524151 KSM524150:KSN524151 LCI524150:LCJ524151 LME524150:LMF524151 LWA524150:LWB524151 MFW524150:MFX524151 MPS524150:MPT524151 MZO524150:MZP524151 NJK524150:NJL524151 NTG524150:NTH524151 ODC524150:ODD524151 OMY524150:OMZ524151 OWU524150:OWV524151 PGQ524150:PGR524151 PQM524150:PQN524151 QAI524150:QAJ524151 QKE524150:QKF524151 QUA524150:QUB524151 RDW524150:RDX524151 RNS524150:RNT524151 RXO524150:RXP524151 SHK524150:SHL524151 SRG524150:SRH524151 TBC524150:TBD524151 TKY524150:TKZ524151 TUU524150:TUV524151 UEQ524150:UER524151 UOM524150:UON524151 UYI524150:UYJ524151 VIE524150:VIF524151 VSA524150:VSB524151 WBW524150:WBX524151 WLS524150:WLT524151 WVO524150:WVP524151 G589685:H589686 JC589686:JD589687 SY589686:SZ589687 ACU589686:ACV589687 AMQ589686:AMR589687 AWM589686:AWN589687 BGI589686:BGJ589687 BQE589686:BQF589687 CAA589686:CAB589687 CJW589686:CJX589687 CTS589686:CTT589687 DDO589686:DDP589687 DNK589686:DNL589687 DXG589686:DXH589687 EHC589686:EHD589687 EQY589686:EQZ589687 FAU589686:FAV589687 FKQ589686:FKR589687 FUM589686:FUN589687 GEI589686:GEJ589687 GOE589686:GOF589687 GYA589686:GYB589687 HHW589686:HHX589687 HRS589686:HRT589687 IBO589686:IBP589687 ILK589686:ILL589687 IVG589686:IVH589687 JFC589686:JFD589687 JOY589686:JOZ589687 JYU589686:JYV589687 KIQ589686:KIR589687 KSM589686:KSN589687 LCI589686:LCJ589687 LME589686:LMF589687 LWA589686:LWB589687 MFW589686:MFX589687 MPS589686:MPT589687 MZO589686:MZP589687 NJK589686:NJL589687 NTG589686:NTH589687 ODC589686:ODD589687 OMY589686:OMZ589687 OWU589686:OWV589687 PGQ589686:PGR589687 PQM589686:PQN589687 QAI589686:QAJ589687 QKE589686:QKF589687 QUA589686:QUB589687 RDW589686:RDX589687 RNS589686:RNT589687 RXO589686:RXP589687 SHK589686:SHL589687 SRG589686:SRH589687 TBC589686:TBD589687 TKY589686:TKZ589687 TUU589686:TUV589687 UEQ589686:UER589687 UOM589686:UON589687 UYI589686:UYJ589687 VIE589686:VIF589687 VSA589686:VSB589687 WBW589686:WBX589687 WLS589686:WLT589687 WVO589686:WVP589687 G655221:H655222 JC655222:JD655223 SY655222:SZ655223 ACU655222:ACV655223 AMQ655222:AMR655223 AWM655222:AWN655223 BGI655222:BGJ655223 BQE655222:BQF655223 CAA655222:CAB655223 CJW655222:CJX655223 CTS655222:CTT655223 DDO655222:DDP655223 DNK655222:DNL655223 DXG655222:DXH655223 EHC655222:EHD655223 EQY655222:EQZ655223 FAU655222:FAV655223 FKQ655222:FKR655223 FUM655222:FUN655223 GEI655222:GEJ655223 GOE655222:GOF655223 GYA655222:GYB655223 HHW655222:HHX655223 HRS655222:HRT655223 IBO655222:IBP655223 ILK655222:ILL655223 IVG655222:IVH655223 JFC655222:JFD655223 JOY655222:JOZ655223 JYU655222:JYV655223 KIQ655222:KIR655223 KSM655222:KSN655223 LCI655222:LCJ655223 LME655222:LMF655223 LWA655222:LWB655223 MFW655222:MFX655223 MPS655222:MPT655223 MZO655222:MZP655223 NJK655222:NJL655223 NTG655222:NTH655223 ODC655222:ODD655223 OMY655222:OMZ655223 OWU655222:OWV655223 PGQ655222:PGR655223 PQM655222:PQN655223 QAI655222:QAJ655223 QKE655222:QKF655223 QUA655222:QUB655223 RDW655222:RDX655223 RNS655222:RNT655223 RXO655222:RXP655223 SHK655222:SHL655223 SRG655222:SRH655223 TBC655222:TBD655223 TKY655222:TKZ655223 TUU655222:TUV655223 UEQ655222:UER655223 UOM655222:UON655223 UYI655222:UYJ655223 VIE655222:VIF655223 VSA655222:VSB655223 WBW655222:WBX655223 WLS655222:WLT655223 WVO655222:WVP655223 G720757:H720758 JC720758:JD720759 SY720758:SZ720759 ACU720758:ACV720759 AMQ720758:AMR720759 AWM720758:AWN720759 BGI720758:BGJ720759 BQE720758:BQF720759 CAA720758:CAB720759 CJW720758:CJX720759 CTS720758:CTT720759 DDO720758:DDP720759 DNK720758:DNL720759 DXG720758:DXH720759 EHC720758:EHD720759 EQY720758:EQZ720759 FAU720758:FAV720759 FKQ720758:FKR720759 FUM720758:FUN720759 GEI720758:GEJ720759 GOE720758:GOF720759 GYA720758:GYB720759 HHW720758:HHX720759 HRS720758:HRT720759 IBO720758:IBP720759 ILK720758:ILL720759 IVG720758:IVH720759 JFC720758:JFD720759 JOY720758:JOZ720759 JYU720758:JYV720759 KIQ720758:KIR720759 KSM720758:KSN720759 LCI720758:LCJ720759 LME720758:LMF720759 LWA720758:LWB720759 MFW720758:MFX720759 MPS720758:MPT720759 MZO720758:MZP720759 NJK720758:NJL720759 NTG720758:NTH720759 ODC720758:ODD720759 OMY720758:OMZ720759 OWU720758:OWV720759 PGQ720758:PGR720759 PQM720758:PQN720759 QAI720758:QAJ720759 QKE720758:QKF720759 QUA720758:QUB720759 RDW720758:RDX720759 RNS720758:RNT720759 RXO720758:RXP720759 SHK720758:SHL720759 SRG720758:SRH720759 TBC720758:TBD720759 TKY720758:TKZ720759 TUU720758:TUV720759 UEQ720758:UER720759 UOM720758:UON720759 UYI720758:UYJ720759 VIE720758:VIF720759 VSA720758:VSB720759 WBW720758:WBX720759 WLS720758:WLT720759 WVO720758:WVP720759 G786293:H786294 JC786294:JD786295 SY786294:SZ786295 ACU786294:ACV786295 AMQ786294:AMR786295 AWM786294:AWN786295 BGI786294:BGJ786295 BQE786294:BQF786295 CAA786294:CAB786295 CJW786294:CJX786295 CTS786294:CTT786295 DDO786294:DDP786295 DNK786294:DNL786295 DXG786294:DXH786295 EHC786294:EHD786295 EQY786294:EQZ786295 FAU786294:FAV786295 FKQ786294:FKR786295 FUM786294:FUN786295 GEI786294:GEJ786295 GOE786294:GOF786295 GYA786294:GYB786295 HHW786294:HHX786295 HRS786294:HRT786295 IBO786294:IBP786295 ILK786294:ILL786295 IVG786294:IVH786295 JFC786294:JFD786295 JOY786294:JOZ786295 JYU786294:JYV786295 KIQ786294:KIR786295 KSM786294:KSN786295 LCI786294:LCJ786295 LME786294:LMF786295 LWA786294:LWB786295 MFW786294:MFX786295 MPS786294:MPT786295 MZO786294:MZP786295 NJK786294:NJL786295 NTG786294:NTH786295 ODC786294:ODD786295 OMY786294:OMZ786295 OWU786294:OWV786295 PGQ786294:PGR786295 PQM786294:PQN786295 QAI786294:QAJ786295 QKE786294:QKF786295 QUA786294:QUB786295 RDW786294:RDX786295 RNS786294:RNT786295 RXO786294:RXP786295 SHK786294:SHL786295 SRG786294:SRH786295 TBC786294:TBD786295 TKY786294:TKZ786295 TUU786294:TUV786295 UEQ786294:UER786295 UOM786294:UON786295 UYI786294:UYJ786295 VIE786294:VIF786295 VSA786294:VSB786295 WBW786294:WBX786295 WLS786294:WLT786295 WVO786294:WVP786295 G851829:H851830 JC851830:JD851831 SY851830:SZ851831 ACU851830:ACV851831 AMQ851830:AMR851831 AWM851830:AWN851831 BGI851830:BGJ851831 BQE851830:BQF851831 CAA851830:CAB851831 CJW851830:CJX851831 CTS851830:CTT851831 DDO851830:DDP851831 DNK851830:DNL851831 DXG851830:DXH851831 EHC851830:EHD851831 EQY851830:EQZ851831 FAU851830:FAV851831 FKQ851830:FKR851831 FUM851830:FUN851831 GEI851830:GEJ851831 GOE851830:GOF851831 GYA851830:GYB851831 HHW851830:HHX851831 HRS851830:HRT851831 IBO851830:IBP851831 ILK851830:ILL851831 IVG851830:IVH851831 JFC851830:JFD851831 JOY851830:JOZ851831 JYU851830:JYV851831 KIQ851830:KIR851831 KSM851830:KSN851831 LCI851830:LCJ851831 LME851830:LMF851831 LWA851830:LWB851831 MFW851830:MFX851831 MPS851830:MPT851831 MZO851830:MZP851831 NJK851830:NJL851831 NTG851830:NTH851831 ODC851830:ODD851831 OMY851830:OMZ851831 OWU851830:OWV851831 PGQ851830:PGR851831 PQM851830:PQN851831 QAI851830:QAJ851831 QKE851830:QKF851831 QUA851830:QUB851831 RDW851830:RDX851831 RNS851830:RNT851831 RXO851830:RXP851831 SHK851830:SHL851831 SRG851830:SRH851831 TBC851830:TBD851831 TKY851830:TKZ851831 TUU851830:TUV851831 UEQ851830:UER851831 UOM851830:UON851831 UYI851830:UYJ851831 VIE851830:VIF851831 VSA851830:VSB851831 WBW851830:WBX851831 WLS851830:WLT851831 WVO851830:WVP851831 G917365:H917366 JC917366:JD917367 SY917366:SZ917367 ACU917366:ACV917367 AMQ917366:AMR917367 AWM917366:AWN917367 BGI917366:BGJ917367 BQE917366:BQF917367 CAA917366:CAB917367 CJW917366:CJX917367 CTS917366:CTT917367 DDO917366:DDP917367 DNK917366:DNL917367 DXG917366:DXH917367 EHC917366:EHD917367 EQY917366:EQZ917367 FAU917366:FAV917367 FKQ917366:FKR917367 FUM917366:FUN917367 GEI917366:GEJ917367 GOE917366:GOF917367 GYA917366:GYB917367 HHW917366:HHX917367 HRS917366:HRT917367 IBO917366:IBP917367 ILK917366:ILL917367 IVG917366:IVH917367 JFC917366:JFD917367 JOY917366:JOZ917367 JYU917366:JYV917367 KIQ917366:KIR917367 KSM917366:KSN917367 LCI917366:LCJ917367 LME917366:LMF917367 LWA917366:LWB917367 MFW917366:MFX917367 MPS917366:MPT917367 MZO917366:MZP917367 NJK917366:NJL917367 NTG917366:NTH917367 ODC917366:ODD917367 OMY917366:OMZ917367 OWU917366:OWV917367 PGQ917366:PGR917367 PQM917366:PQN917367 QAI917366:QAJ917367 QKE917366:QKF917367 QUA917366:QUB917367 RDW917366:RDX917367 RNS917366:RNT917367 RXO917366:RXP917367 SHK917366:SHL917367 SRG917366:SRH917367 TBC917366:TBD917367 TKY917366:TKZ917367 TUU917366:TUV917367 UEQ917366:UER917367 UOM917366:UON917367 UYI917366:UYJ917367 VIE917366:VIF917367 VSA917366:VSB917367 WBW917366:WBX917367 WLS917366:WLT917367 WVO917366:WVP917367 G982901:H982902 JC982902:JD982903 SY982902:SZ982903 ACU982902:ACV982903 AMQ982902:AMR982903 AWM982902:AWN982903 BGI982902:BGJ982903 BQE982902:BQF982903 CAA982902:CAB982903 CJW982902:CJX982903 CTS982902:CTT982903 DDO982902:DDP982903 DNK982902:DNL982903 DXG982902:DXH982903 EHC982902:EHD982903 EQY982902:EQZ982903 FAU982902:FAV982903 FKQ982902:FKR982903 FUM982902:FUN982903 GEI982902:GEJ982903 GOE982902:GOF982903 GYA982902:GYB982903 HHW982902:HHX982903 HRS982902:HRT982903 IBO982902:IBP982903 ILK982902:ILL982903 IVG982902:IVH982903 JFC982902:JFD982903 JOY982902:JOZ982903 JYU982902:JYV982903 KIQ982902:KIR982903 KSM982902:KSN982903 LCI982902:LCJ982903 LME982902:LMF982903 LWA982902:LWB982903 MFW982902:MFX982903 MPS982902:MPT982903 MZO982902:MZP982903 NJK982902:NJL982903 NTG982902:NTH982903 ODC982902:ODD982903 OMY982902:OMZ982903 OWU982902:OWV982903 PGQ982902:PGR982903 PQM982902:PQN982903 QAI982902:QAJ982903 QKE982902:QKF982903 QUA982902:QUB982903 RDW982902:RDX982903 RNS982902:RNT982903 RXO982902:RXP982903 SHK982902:SHL982903 SRG982902:SRH982903 TBC982902:TBD982903 TKY982902:TKZ982903 TUU982902:TUV982903 UEQ982902:UER982903 UOM982902:UON982903 UYI982902:UYJ982903 VIE982902:VIF982903 VSA982902:VSB982903 WBW982902:WBX982903 WLS982902:WLT982903 WVO982902:WVP982903 WVO103:WVP104 WLS103:WLT104 WBW103:WBX104 VSA103:VSB104 VIE103:VIF104 UYI103:UYJ104 UOM103:UON104 UEQ103:UER104 TUU103:TUV104 TKY103:TKZ104 TBC103:TBD104 SRG103:SRH104 SHK103:SHL104 RXO103:RXP104 RNS103:RNT104 RDW103:RDX104 QUA103:QUB104 QKE103:QKF104 QAI103:QAJ104 PQM103:PQN104 PGQ103:PGR104 OWU103:OWV104 OMY103:OMZ104 ODC103:ODD104 NTG103:NTH104 NJK103:NJL104 MZO103:MZP104 MPS103:MPT104 MFW103:MFX104 LWA103:LWB104 LME103:LMF104 LCI103:LCJ104 KSM103:KSN104 KIQ103:KIR104 JYU103:JYV104 JOY103:JOZ104 JFC103:JFD104 IVG103:IVH104 ILK103:ILL104 IBO103:IBP104 HRS103:HRT104 HHW103:HHX104 GYA103:GYB104 GOE103:GOF104 GEI103:GEJ104 FUM103:FUN104 FKQ103:FKR104 FAU103:FAV104 EQY103:EQZ104 EHC103:EHD104 DXG103:DXH104 DNK103:DNL104 DDO103:DDP104 CTS103:CTT104 CJW103:CJX104 CAA103:CAB104 BQE103:BQF104 BGI103:BGJ104 AWM103:AWN104 AMQ103:AMR104 ACU103:ACV104 SY103:SZ104 JC103:JD104 G102:H103" xr:uid="{D43D7B70-4808-4C51-B948-AF923C210CF2}">
      <formula1>"含有(Present)／非含有(Not present）,含有(Present),非含有(Not present）"</formula1>
    </dataValidation>
    <dataValidation type="list" allowBlank="1" showInputMessage="1" showErrorMessage="1" sqref="L65392:M65392 JH65393:JI65393 TD65393:TE65393 ACZ65393:ADA65393 AMV65393:AMW65393 AWR65393:AWS65393 BGN65393:BGO65393 BQJ65393:BQK65393 CAF65393:CAG65393 CKB65393:CKC65393 CTX65393:CTY65393 DDT65393:DDU65393 DNP65393:DNQ65393 DXL65393:DXM65393 EHH65393:EHI65393 ERD65393:ERE65393 FAZ65393:FBA65393 FKV65393:FKW65393 FUR65393:FUS65393 GEN65393:GEO65393 GOJ65393:GOK65393 GYF65393:GYG65393 HIB65393:HIC65393 HRX65393:HRY65393 IBT65393:IBU65393 ILP65393:ILQ65393 IVL65393:IVM65393 JFH65393:JFI65393 JPD65393:JPE65393 JYZ65393:JZA65393 KIV65393:KIW65393 KSR65393:KSS65393 LCN65393:LCO65393 LMJ65393:LMK65393 LWF65393:LWG65393 MGB65393:MGC65393 MPX65393:MPY65393 MZT65393:MZU65393 NJP65393:NJQ65393 NTL65393:NTM65393 ODH65393:ODI65393 OND65393:ONE65393 OWZ65393:OXA65393 PGV65393:PGW65393 PQR65393:PQS65393 QAN65393:QAO65393 QKJ65393:QKK65393 QUF65393:QUG65393 REB65393:REC65393 RNX65393:RNY65393 RXT65393:RXU65393 SHP65393:SHQ65393 SRL65393:SRM65393 TBH65393:TBI65393 TLD65393:TLE65393 TUZ65393:TVA65393 UEV65393:UEW65393 UOR65393:UOS65393 UYN65393:UYO65393 VIJ65393:VIK65393 VSF65393:VSG65393 WCB65393:WCC65393 WLX65393:WLY65393 WVT65393:WVU65393 L130928:M130928 JH130929:JI130929 TD130929:TE130929 ACZ130929:ADA130929 AMV130929:AMW130929 AWR130929:AWS130929 BGN130929:BGO130929 BQJ130929:BQK130929 CAF130929:CAG130929 CKB130929:CKC130929 CTX130929:CTY130929 DDT130929:DDU130929 DNP130929:DNQ130929 DXL130929:DXM130929 EHH130929:EHI130929 ERD130929:ERE130929 FAZ130929:FBA130929 FKV130929:FKW130929 FUR130929:FUS130929 GEN130929:GEO130929 GOJ130929:GOK130929 GYF130929:GYG130929 HIB130929:HIC130929 HRX130929:HRY130929 IBT130929:IBU130929 ILP130929:ILQ130929 IVL130929:IVM130929 JFH130929:JFI130929 JPD130929:JPE130929 JYZ130929:JZA130929 KIV130929:KIW130929 KSR130929:KSS130929 LCN130929:LCO130929 LMJ130929:LMK130929 LWF130929:LWG130929 MGB130929:MGC130929 MPX130929:MPY130929 MZT130929:MZU130929 NJP130929:NJQ130929 NTL130929:NTM130929 ODH130929:ODI130929 OND130929:ONE130929 OWZ130929:OXA130929 PGV130929:PGW130929 PQR130929:PQS130929 QAN130929:QAO130929 QKJ130929:QKK130929 QUF130929:QUG130929 REB130929:REC130929 RNX130929:RNY130929 RXT130929:RXU130929 SHP130929:SHQ130929 SRL130929:SRM130929 TBH130929:TBI130929 TLD130929:TLE130929 TUZ130929:TVA130929 UEV130929:UEW130929 UOR130929:UOS130929 UYN130929:UYO130929 VIJ130929:VIK130929 VSF130929:VSG130929 WCB130929:WCC130929 WLX130929:WLY130929 WVT130929:WVU130929 L196464:M196464 JH196465:JI196465 TD196465:TE196465 ACZ196465:ADA196465 AMV196465:AMW196465 AWR196465:AWS196465 BGN196465:BGO196465 BQJ196465:BQK196465 CAF196465:CAG196465 CKB196465:CKC196465 CTX196465:CTY196465 DDT196465:DDU196465 DNP196465:DNQ196465 DXL196465:DXM196465 EHH196465:EHI196465 ERD196465:ERE196465 FAZ196465:FBA196465 FKV196465:FKW196465 FUR196465:FUS196465 GEN196465:GEO196465 GOJ196465:GOK196465 GYF196465:GYG196465 HIB196465:HIC196465 HRX196465:HRY196465 IBT196465:IBU196465 ILP196465:ILQ196465 IVL196465:IVM196465 JFH196465:JFI196465 JPD196465:JPE196465 JYZ196465:JZA196465 KIV196465:KIW196465 KSR196465:KSS196465 LCN196465:LCO196465 LMJ196465:LMK196465 LWF196465:LWG196465 MGB196465:MGC196465 MPX196465:MPY196465 MZT196465:MZU196465 NJP196465:NJQ196465 NTL196465:NTM196465 ODH196465:ODI196465 OND196465:ONE196465 OWZ196465:OXA196465 PGV196465:PGW196465 PQR196465:PQS196465 QAN196465:QAO196465 QKJ196465:QKK196465 QUF196465:QUG196465 REB196465:REC196465 RNX196465:RNY196465 RXT196465:RXU196465 SHP196465:SHQ196465 SRL196465:SRM196465 TBH196465:TBI196465 TLD196465:TLE196465 TUZ196465:TVA196465 UEV196465:UEW196465 UOR196465:UOS196465 UYN196465:UYO196465 VIJ196465:VIK196465 VSF196465:VSG196465 WCB196465:WCC196465 WLX196465:WLY196465 WVT196465:WVU196465 L262000:M262000 JH262001:JI262001 TD262001:TE262001 ACZ262001:ADA262001 AMV262001:AMW262001 AWR262001:AWS262001 BGN262001:BGO262001 BQJ262001:BQK262001 CAF262001:CAG262001 CKB262001:CKC262001 CTX262001:CTY262001 DDT262001:DDU262001 DNP262001:DNQ262001 DXL262001:DXM262001 EHH262001:EHI262001 ERD262001:ERE262001 FAZ262001:FBA262001 FKV262001:FKW262001 FUR262001:FUS262001 GEN262001:GEO262001 GOJ262001:GOK262001 GYF262001:GYG262001 HIB262001:HIC262001 HRX262001:HRY262001 IBT262001:IBU262001 ILP262001:ILQ262001 IVL262001:IVM262001 JFH262001:JFI262001 JPD262001:JPE262001 JYZ262001:JZA262001 KIV262001:KIW262001 KSR262001:KSS262001 LCN262001:LCO262001 LMJ262001:LMK262001 LWF262001:LWG262001 MGB262001:MGC262001 MPX262001:MPY262001 MZT262001:MZU262001 NJP262001:NJQ262001 NTL262001:NTM262001 ODH262001:ODI262001 OND262001:ONE262001 OWZ262001:OXA262001 PGV262001:PGW262001 PQR262001:PQS262001 QAN262001:QAO262001 QKJ262001:QKK262001 QUF262001:QUG262001 REB262001:REC262001 RNX262001:RNY262001 RXT262001:RXU262001 SHP262001:SHQ262001 SRL262001:SRM262001 TBH262001:TBI262001 TLD262001:TLE262001 TUZ262001:TVA262001 UEV262001:UEW262001 UOR262001:UOS262001 UYN262001:UYO262001 VIJ262001:VIK262001 VSF262001:VSG262001 WCB262001:WCC262001 WLX262001:WLY262001 WVT262001:WVU262001 L327536:M327536 JH327537:JI327537 TD327537:TE327537 ACZ327537:ADA327537 AMV327537:AMW327537 AWR327537:AWS327537 BGN327537:BGO327537 BQJ327537:BQK327537 CAF327537:CAG327537 CKB327537:CKC327537 CTX327537:CTY327537 DDT327537:DDU327537 DNP327537:DNQ327537 DXL327537:DXM327537 EHH327537:EHI327537 ERD327537:ERE327537 FAZ327537:FBA327537 FKV327537:FKW327537 FUR327537:FUS327537 GEN327537:GEO327537 GOJ327537:GOK327537 GYF327537:GYG327537 HIB327537:HIC327537 HRX327537:HRY327537 IBT327537:IBU327537 ILP327537:ILQ327537 IVL327537:IVM327537 JFH327537:JFI327537 JPD327537:JPE327537 JYZ327537:JZA327537 KIV327537:KIW327537 KSR327537:KSS327537 LCN327537:LCO327537 LMJ327537:LMK327537 LWF327537:LWG327537 MGB327537:MGC327537 MPX327537:MPY327537 MZT327537:MZU327537 NJP327537:NJQ327537 NTL327537:NTM327537 ODH327537:ODI327537 OND327537:ONE327537 OWZ327537:OXA327537 PGV327537:PGW327537 PQR327537:PQS327537 QAN327537:QAO327537 QKJ327537:QKK327537 QUF327537:QUG327537 REB327537:REC327537 RNX327537:RNY327537 RXT327537:RXU327537 SHP327537:SHQ327537 SRL327537:SRM327537 TBH327537:TBI327537 TLD327537:TLE327537 TUZ327537:TVA327537 UEV327537:UEW327537 UOR327537:UOS327537 UYN327537:UYO327537 VIJ327537:VIK327537 VSF327537:VSG327537 WCB327537:WCC327537 WLX327537:WLY327537 WVT327537:WVU327537 L393072:M393072 JH393073:JI393073 TD393073:TE393073 ACZ393073:ADA393073 AMV393073:AMW393073 AWR393073:AWS393073 BGN393073:BGO393073 BQJ393073:BQK393073 CAF393073:CAG393073 CKB393073:CKC393073 CTX393073:CTY393073 DDT393073:DDU393073 DNP393073:DNQ393073 DXL393073:DXM393073 EHH393073:EHI393073 ERD393073:ERE393073 FAZ393073:FBA393073 FKV393073:FKW393073 FUR393073:FUS393073 GEN393073:GEO393073 GOJ393073:GOK393073 GYF393073:GYG393073 HIB393073:HIC393073 HRX393073:HRY393073 IBT393073:IBU393073 ILP393073:ILQ393073 IVL393073:IVM393073 JFH393073:JFI393073 JPD393073:JPE393073 JYZ393073:JZA393073 KIV393073:KIW393073 KSR393073:KSS393073 LCN393073:LCO393073 LMJ393073:LMK393073 LWF393073:LWG393073 MGB393073:MGC393073 MPX393073:MPY393073 MZT393073:MZU393073 NJP393073:NJQ393073 NTL393073:NTM393073 ODH393073:ODI393073 OND393073:ONE393073 OWZ393073:OXA393073 PGV393073:PGW393073 PQR393073:PQS393073 QAN393073:QAO393073 QKJ393073:QKK393073 QUF393073:QUG393073 REB393073:REC393073 RNX393073:RNY393073 RXT393073:RXU393073 SHP393073:SHQ393073 SRL393073:SRM393073 TBH393073:TBI393073 TLD393073:TLE393073 TUZ393073:TVA393073 UEV393073:UEW393073 UOR393073:UOS393073 UYN393073:UYO393073 VIJ393073:VIK393073 VSF393073:VSG393073 WCB393073:WCC393073 WLX393073:WLY393073 WVT393073:WVU393073 L458608:M458608 JH458609:JI458609 TD458609:TE458609 ACZ458609:ADA458609 AMV458609:AMW458609 AWR458609:AWS458609 BGN458609:BGO458609 BQJ458609:BQK458609 CAF458609:CAG458609 CKB458609:CKC458609 CTX458609:CTY458609 DDT458609:DDU458609 DNP458609:DNQ458609 DXL458609:DXM458609 EHH458609:EHI458609 ERD458609:ERE458609 FAZ458609:FBA458609 FKV458609:FKW458609 FUR458609:FUS458609 GEN458609:GEO458609 GOJ458609:GOK458609 GYF458609:GYG458609 HIB458609:HIC458609 HRX458609:HRY458609 IBT458609:IBU458609 ILP458609:ILQ458609 IVL458609:IVM458609 JFH458609:JFI458609 JPD458609:JPE458609 JYZ458609:JZA458609 KIV458609:KIW458609 KSR458609:KSS458609 LCN458609:LCO458609 LMJ458609:LMK458609 LWF458609:LWG458609 MGB458609:MGC458609 MPX458609:MPY458609 MZT458609:MZU458609 NJP458609:NJQ458609 NTL458609:NTM458609 ODH458609:ODI458609 OND458609:ONE458609 OWZ458609:OXA458609 PGV458609:PGW458609 PQR458609:PQS458609 QAN458609:QAO458609 QKJ458609:QKK458609 QUF458609:QUG458609 REB458609:REC458609 RNX458609:RNY458609 RXT458609:RXU458609 SHP458609:SHQ458609 SRL458609:SRM458609 TBH458609:TBI458609 TLD458609:TLE458609 TUZ458609:TVA458609 UEV458609:UEW458609 UOR458609:UOS458609 UYN458609:UYO458609 VIJ458609:VIK458609 VSF458609:VSG458609 WCB458609:WCC458609 WLX458609:WLY458609 WVT458609:WVU458609 L524144:M524144 JH524145:JI524145 TD524145:TE524145 ACZ524145:ADA524145 AMV524145:AMW524145 AWR524145:AWS524145 BGN524145:BGO524145 BQJ524145:BQK524145 CAF524145:CAG524145 CKB524145:CKC524145 CTX524145:CTY524145 DDT524145:DDU524145 DNP524145:DNQ524145 DXL524145:DXM524145 EHH524145:EHI524145 ERD524145:ERE524145 FAZ524145:FBA524145 FKV524145:FKW524145 FUR524145:FUS524145 GEN524145:GEO524145 GOJ524145:GOK524145 GYF524145:GYG524145 HIB524145:HIC524145 HRX524145:HRY524145 IBT524145:IBU524145 ILP524145:ILQ524145 IVL524145:IVM524145 JFH524145:JFI524145 JPD524145:JPE524145 JYZ524145:JZA524145 KIV524145:KIW524145 KSR524145:KSS524145 LCN524145:LCO524145 LMJ524145:LMK524145 LWF524145:LWG524145 MGB524145:MGC524145 MPX524145:MPY524145 MZT524145:MZU524145 NJP524145:NJQ524145 NTL524145:NTM524145 ODH524145:ODI524145 OND524145:ONE524145 OWZ524145:OXA524145 PGV524145:PGW524145 PQR524145:PQS524145 QAN524145:QAO524145 QKJ524145:QKK524145 QUF524145:QUG524145 REB524145:REC524145 RNX524145:RNY524145 RXT524145:RXU524145 SHP524145:SHQ524145 SRL524145:SRM524145 TBH524145:TBI524145 TLD524145:TLE524145 TUZ524145:TVA524145 UEV524145:UEW524145 UOR524145:UOS524145 UYN524145:UYO524145 VIJ524145:VIK524145 VSF524145:VSG524145 WCB524145:WCC524145 WLX524145:WLY524145 WVT524145:WVU524145 L589680:M589680 JH589681:JI589681 TD589681:TE589681 ACZ589681:ADA589681 AMV589681:AMW589681 AWR589681:AWS589681 BGN589681:BGO589681 BQJ589681:BQK589681 CAF589681:CAG589681 CKB589681:CKC589681 CTX589681:CTY589681 DDT589681:DDU589681 DNP589681:DNQ589681 DXL589681:DXM589681 EHH589681:EHI589681 ERD589681:ERE589681 FAZ589681:FBA589681 FKV589681:FKW589681 FUR589681:FUS589681 GEN589681:GEO589681 GOJ589681:GOK589681 GYF589681:GYG589681 HIB589681:HIC589681 HRX589681:HRY589681 IBT589681:IBU589681 ILP589681:ILQ589681 IVL589681:IVM589681 JFH589681:JFI589681 JPD589681:JPE589681 JYZ589681:JZA589681 KIV589681:KIW589681 KSR589681:KSS589681 LCN589681:LCO589681 LMJ589681:LMK589681 LWF589681:LWG589681 MGB589681:MGC589681 MPX589681:MPY589681 MZT589681:MZU589681 NJP589681:NJQ589681 NTL589681:NTM589681 ODH589681:ODI589681 OND589681:ONE589681 OWZ589681:OXA589681 PGV589681:PGW589681 PQR589681:PQS589681 QAN589681:QAO589681 QKJ589681:QKK589681 QUF589681:QUG589681 REB589681:REC589681 RNX589681:RNY589681 RXT589681:RXU589681 SHP589681:SHQ589681 SRL589681:SRM589681 TBH589681:TBI589681 TLD589681:TLE589681 TUZ589681:TVA589681 UEV589681:UEW589681 UOR589681:UOS589681 UYN589681:UYO589681 VIJ589681:VIK589681 VSF589681:VSG589681 WCB589681:WCC589681 WLX589681:WLY589681 WVT589681:WVU589681 L655216:M655216 JH655217:JI655217 TD655217:TE655217 ACZ655217:ADA655217 AMV655217:AMW655217 AWR655217:AWS655217 BGN655217:BGO655217 BQJ655217:BQK655217 CAF655217:CAG655217 CKB655217:CKC655217 CTX655217:CTY655217 DDT655217:DDU655217 DNP655217:DNQ655217 DXL655217:DXM655217 EHH655217:EHI655217 ERD655217:ERE655217 FAZ655217:FBA655217 FKV655217:FKW655217 FUR655217:FUS655217 GEN655217:GEO655217 GOJ655217:GOK655217 GYF655217:GYG655217 HIB655217:HIC655217 HRX655217:HRY655217 IBT655217:IBU655217 ILP655217:ILQ655217 IVL655217:IVM655217 JFH655217:JFI655217 JPD655217:JPE655217 JYZ655217:JZA655217 KIV655217:KIW655217 KSR655217:KSS655217 LCN655217:LCO655217 LMJ655217:LMK655217 LWF655217:LWG655217 MGB655217:MGC655217 MPX655217:MPY655217 MZT655217:MZU655217 NJP655217:NJQ655217 NTL655217:NTM655217 ODH655217:ODI655217 OND655217:ONE655217 OWZ655217:OXA655217 PGV655217:PGW655217 PQR655217:PQS655217 QAN655217:QAO655217 QKJ655217:QKK655217 QUF655217:QUG655217 REB655217:REC655217 RNX655217:RNY655217 RXT655217:RXU655217 SHP655217:SHQ655217 SRL655217:SRM655217 TBH655217:TBI655217 TLD655217:TLE655217 TUZ655217:TVA655217 UEV655217:UEW655217 UOR655217:UOS655217 UYN655217:UYO655217 VIJ655217:VIK655217 VSF655217:VSG655217 WCB655217:WCC655217 WLX655217:WLY655217 WVT655217:WVU655217 L720752:M720752 JH720753:JI720753 TD720753:TE720753 ACZ720753:ADA720753 AMV720753:AMW720753 AWR720753:AWS720753 BGN720753:BGO720753 BQJ720753:BQK720753 CAF720753:CAG720753 CKB720753:CKC720753 CTX720753:CTY720753 DDT720753:DDU720753 DNP720753:DNQ720753 DXL720753:DXM720753 EHH720753:EHI720753 ERD720753:ERE720753 FAZ720753:FBA720753 FKV720753:FKW720753 FUR720753:FUS720753 GEN720753:GEO720753 GOJ720753:GOK720753 GYF720753:GYG720753 HIB720753:HIC720753 HRX720753:HRY720753 IBT720753:IBU720753 ILP720753:ILQ720753 IVL720753:IVM720753 JFH720753:JFI720753 JPD720753:JPE720753 JYZ720753:JZA720753 KIV720753:KIW720753 KSR720753:KSS720753 LCN720753:LCO720753 LMJ720753:LMK720753 LWF720753:LWG720753 MGB720753:MGC720753 MPX720753:MPY720753 MZT720753:MZU720753 NJP720753:NJQ720753 NTL720753:NTM720753 ODH720753:ODI720753 OND720753:ONE720753 OWZ720753:OXA720753 PGV720753:PGW720753 PQR720753:PQS720753 QAN720753:QAO720753 QKJ720753:QKK720753 QUF720753:QUG720753 REB720753:REC720753 RNX720753:RNY720753 RXT720753:RXU720753 SHP720753:SHQ720753 SRL720753:SRM720753 TBH720753:TBI720753 TLD720753:TLE720753 TUZ720753:TVA720753 UEV720753:UEW720753 UOR720753:UOS720753 UYN720753:UYO720753 VIJ720753:VIK720753 VSF720753:VSG720753 WCB720753:WCC720753 WLX720753:WLY720753 WVT720753:WVU720753 L786288:M786288 JH786289:JI786289 TD786289:TE786289 ACZ786289:ADA786289 AMV786289:AMW786289 AWR786289:AWS786289 BGN786289:BGO786289 BQJ786289:BQK786289 CAF786289:CAG786289 CKB786289:CKC786289 CTX786289:CTY786289 DDT786289:DDU786289 DNP786289:DNQ786289 DXL786289:DXM786289 EHH786289:EHI786289 ERD786289:ERE786289 FAZ786289:FBA786289 FKV786289:FKW786289 FUR786289:FUS786289 GEN786289:GEO786289 GOJ786289:GOK786289 GYF786289:GYG786289 HIB786289:HIC786289 HRX786289:HRY786289 IBT786289:IBU786289 ILP786289:ILQ786289 IVL786289:IVM786289 JFH786289:JFI786289 JPD786289:JPE786289 JYZ786289:JZA786289 KIV786289:KIW786289 KSR786289:KSS786289 LCN786289:LCO786289 LMJ786289:LMK786289 LWF786289:LWG786289 MGB786289:MGC786289 MPX786289:MPY786289 MZT786289:MZU786289 NJP786289:NJQ786289 NTL786289:NTM786289 ODH786289:ODI786289 OND786289:ONE786289 OWZ786289:OXA786289 PGV786289:PGW786289 PQR786289:PQS786289 QAN786289:QAO786289 QKJ786289:QKK786289 QUF786289:QUG786289 REB786289:REC786289 RNX786289:RNY786289 RXT786289:RXU786289 SHP786289:SHQ786289 SRL786289:SRM786289 TBH786289:TBI786289 TLD786289:TLE786289 TUZ786289:TVA786289 UEV786289:UEW786289 UOR786289:UOS786289 UYN786289:UYO786289 VIJ786289:VIK786289 VSF786289:VSG786289 WCB786289:WCC786289 WLX786289:WLY786289 WVT786289:WVU786289 L851824:M851824 JH851825:JI851825 TD851825:TE851825 ACZ851825:ADA851825 AMV851825:AMW851825 AWR851825:AWS851825 BGN851825:BGO851825 BQJ851825:BQK851825 CAF851825:CAG851825 CKB851825:CKC851825 CTX851825:CTY851825 DDT851825:DDU851825 DNP851825:DNQ851825 DXL851825:DXM851825 EHH851825:EHI851825 ERD851825:ERE851825 FAZ851825:FBA851825 FKV851825:FKW851825 FUR851825:FUS851825 GEN851825:GEO851825 GOJ851825:GOK851825 GYF851825:GYG851825 HIB851825:HIC851825 HRX851825:HRY851825 IBT851825:IBU851825 ILP851825:ILQ851825 IVL851825:IVM851825 JFH851825:JFI851825 JPD851825:JPE851825 JYZ851825:JZA851825 KIV851825:KIW851825 KSR851825:KSS851825 LCN851825:LCO851825 LMJ851825:LMK851825 LWF851825:LWG851825 MGB851825:MGC851825 MPX851825:MPY851825 MZT851825:MZU851825 NJP851825:NJQ851825 NTL851825:NTM851825 ODH851825:ODI851825 OND851825:ONE851825 OWZ851825:OXA851825 PGV851825:PGW851825 PQR851825:PQS851825 QAN851825:QAO851825 QKJ851825:QKK851825 QUF851825:QUG851825 REB851825:REC851825 RNX851825:RNY851825 RXT851825:RXU851825 SHP851825:SHQ851825 SRL851825:SRM851825 TBH851825:TBI851825 TLD851825:TLE851825 TUZ851825:TVA851825 UEV851825:UEW851825 UOR851825:UOS851825 UYN851825:UYO851825 VIJ851825:VIK851825 VSF851825:VSG851825 WCB851825:WCC851825 WLX851825:WLY851825 WVT851825:WVU851825 L917360:M917360 JH917361:JI917361 TD917361:TE917361 ACZ917361:ADA917361 AMV917361:AMW917361 AWR917361:AWS917361 BGN917361:BGO917361 BQJ917361:BQK917361 CAF917361:CAG917361 CKB917361:CKC917361 CTX917361:CTY917361 DDT917361:DDU917361 DNP917361:DNQ917361 DXL917361:DXM917361 EHH917361:EHI917361 ERD917361:ERE917361 FAZ917361:FBA917361 FKV917361:FKW917361 FUR917361:FUS917361 GEN917361:GEO917361 GOJ917361:GOK917361 GYF917361:GYG917361 HIB917361:HIC917361 HRX917361:HRY917361 IBT917361:IBU917361 ILP917361:ILQ917361 IVL917361:IVM917361 JFH917361:JFI917361 JPD917361:JPE917361 JYZ917361:JZA917361 KIV917361:KIW917361 KSR917361:KSS917361 LCN917361:LCO917361 LMJ917361:LMK917361 LWF917361:LWG917361 MGB917361:MGC917361 MPX917361:MPY917361 MZT917361:MZU917361 NJP917361:NJQ917361 NTL917361:NTM917361 ODH917361:ODI917361 OND917361:ONE917361 OWZ917361:OXA917361 PGV917361:PGW917361 PQR917361:PQS917361 QAN917361:QAO917361 QKJ917361:QKK917361 QUF917361:QUG917361 REB917361:REC917361 RNX917361:RNY917361 RXT917361:RXU917361 SHP917361:SHQ917361 SRL917361:SRM917361 TBH917361:TBI917361 TLD917361:TLE917361 TUZ917361:TVA917361 UEV917361:UEW917361 UOR917361:UOS917361 UYN917361:UYO917361 VIJ917361:VIK917361 VSF917361:VSG917361 WCB917361:WCC917361 WLX917361:WLY917361 WVT917361:WVU917361 L982896:M982896 JH982897:JI982897 TD982897:TE982897 ACZ982897:ADA982897 AMV982897:AMW982897 AWR982897:AWS982897 BGN982897:BGO982897 BQJ982897:BQK982897 CAF982897:CAG982897 CKB982897:CKC982897 CTX982897:CTY982897 DDT982897:DDU982897 DNP982897:DNQ982897 DXL982897:DXM982897 EHH982897:EHI982897 ERD982897:ERE982897 FAZ982897:FBA982897 FKV982897:FKW982897 FUR982897:FUS982897 GEN982897:GEO982897 GOJ982897:GOK982897 GYF982897:GYG982897 HIB982897:HIC982897 HRX982897:HRY982897 IBT982897:IBU982897 ILP982897:ILQ982897 IVL982897:IVM982897 JFH982897:JFI982897 JPD982897:JPE982897 JYZ982897:JZA982897 KIV982897:KIW982897 KSR982897:KSS982897 LCN982897:LCO982897 LMJ982897:LMK982897 LWF982897:LWG982897 MGB982897:MGC982897 MPX982897:MPY982897 MZT982897:MZU982897 NJP982897:NJQ982897 NTL982897:NTM982897 ODH982897:ODI982897 OND982897:ONE982897 OWZ982897:OXA982897 PGV982897:PGW982897 PQR982897:PQS982897 QAN982897:QAO982897 QKJ982897:QKK982897 QUF982897:QUG982897 REB982897:REC982897 RNX982897:RNY982897 RXT982897:RXU982897 SHP982897:SHQ982897 SRL982897:SRM982897 TBH982897:TBI982897 TLD982897:TLE982897 TUZ982897:TVA982897 UEV982897:UEW982897 UOR982897:UOS982897 UYN982897:UYO982897 VIJ982897:VIK982897 VSF982897:VSG982897 WCB982897:WCC982897 WLX982897:WLY982897 WVT982897:WVU982897 L65385:M65386 JH65386:JI65387 TD65386:TE65387 ACZ65386:ADA65387 AMV65386:AMW65387 AWR65386:AWS65387 BGN65386:BGO65387 BQJ65386:BQK65387 CAF65386:CAG65387 CKB65386:CKC65387 CTX65386:CTY65387 DDT65386:DDU65387 DNP65386:DNQ65387 DXL65386:DXM65387 EHH65386:EHI65387 ERD65386:ERE65387 FAZ65386:FBA65387 FKV65386:FKW65387 FUR65386:FUS65387 GEN65386:GEO65387 GOJ65386:GOK65387 GYF65386:GYG65387 HIB65386:HIC65387 HRX65386:HRY65387 IBT65386:IBU65387 ILP65386:ILQ65387 IVL65386:IVM65387 JFH65386:JFI65387 JPD65386:JPE65387 JYZ65386:JZA65387 KIV65386:KIW65387 KSR65386:KSS65387 LCN65386:LCO65387 LMJ65386:LMK65387 LWF65386:LWG65387 MGB65386:MGC65387 MPX65386:MPY65387 MZT65386:MZU65387 NJP65386:NJQ65387 NTL65386:NTM65387 ODH65386:ODI65387 OND65386:ONE65387 OWZ65386:OXA65387 PGV65386:PGW65387 PQR65386:PQS65387 QAN65386:QAO65387 QKJ65386:QKK65387 QUF65386:QUG65387 REB65386:REC65387 RNX65386:RNY65387 RXT65386:RXU65387 SHP65386:SHQ65387 SRL65386:SRM65387 TBH65386:TBI65387 TLD65386:TLE65387 TUZ65386:TVA65387 UEV65386:UEW65387 UOR65386:UOS65387 UYN65386:UYO65387 VIJ65386:VIK65387 VSF65386:VSG65387 WCB65386:WCC65387 WLX65386:WLY65387 WVT65386:WVU65387 L130921:M130922 JH130922:JI130923 TD130922:TE130923 ACZ130922:ADA130923 AMV130922:AMW130923 AWR130922:AWS130923 BGN130922:BGO130923 BQJ130922:BQK130923 CAF130922:CAG130923 CKB130922:CKC130923 CTX130922:CTY130923 DDT130922:DDU130923 DNP130922:DNQ130923 DXL130922:DXM130923 EHH130922:EHI130923 ERD130922:ERE130923 FAZ130922:FBA130923 FKV130922:FKW130923 FUR130922:FUS130923 GEN130922:GEO130923 GOJ130922:GOK130923 GYF130922:GYG130923 HIB130922:HIC130923 HRX130922:HRY130923 IBT130922:IBU130923 ILP130922:ILQ130923 IVL130922:IVM130923 JFH130922:JFI130923 JPD130922:JPE130923 JYZ130922:JZA130923 KIV130922:KIW130923 KSR130922:KSS130923 LCN130922:LCO130923 LMJ130922:LMK130923 LWF130922:LWG130923 MGB130922:MGC130923 MPX130922:MPY130923 MZT130922:MZU130923 NJP130922:NJQ130923 NTL130922:NTM130923 ODH130922:ODI130923 OND130922:ONE130923 OWZ130922:OXA130923 PGV130922:PGW130923 PQR130922:PQS130923 QAN130922:QAO130923 QKJ130922:QKK130923 QUF130922:QUG130923 REB130922:REC130923 RNX130922:RNY130923 RXT130922:RXU130923 SHP130922:SHQ130923 SRL130922:SRM130923 TBH130922:TBI130923 TLD130922:TLE130923 TUZ130922:TVA130923 UEV130922:UEW130923 UOR130922:UOS130923 UYN130922:UYO130923 VIJ130922:VIK130923 VSF130922:VSG130923 WCB130922:WCC130923 WLX130922:WLY130923 WVT130922:WVU130923 L196457:M196458 JH196458:JI196459 TD196458:TE196459 ACZ196458:ADA196459 AMV196458:AMW196459 AWR196458:AWS196459 BGN196458:BGO196459 BQJ196458:BQK196459 CAF196458:CAG196459 CKB196458:CKC196459 CTX196458:CTY196459 DDT196458:DDU196459 DNP196458:DNQ196459 DXL196458:DXM196459 EHH196458:EHI196459 ERD196458:ERE196459 FAZ196458:FBA196459 FKV196458:FKW196459 FUR196458:FUS196459 GEN196458:GEO196459 GOJ196458:GOK196459 GYF196458:GYG196459 HIB196458:HIC196459 HRX196458:HRY196459 IBT196458:IBU196459 ILP196458:ILQ196459 IVL196458:IVM196459 JFH196458:JFI196459 JPD196458:JPE196459 JYZ196458:JZA196459 KIV196458:KIW196459 KSR196458:KSS196459 LCN196458:LCO196459 LMJ196458:LMK196459 LWF196458:LWG196459 MGB196458:MGC196459 MPX196458:MPY196459 MZT196458:MZU196459 NJP196458:NJQ196459 NTL196458:NTM196459 ODH196458:ODI196459 OND196458:ONE196459 OWZ196458:OXA196459 PGV196458:PGW196459 PQR196458:PQS196459 QAN196458:QAO196459 QKJ196458:QKK196459 QUF196458:QUG196459 REB196458:REC196459 RNX196458:RNY196459 RXT196458:RXU196459 SHP196458:SHQ196459 SRL196458:SRM196459 TBH196458:TBI196459 TLD196458:TLE196459 TUZ196458:TVA196459 UEV196458:UEW196459 UOR196458:UOS196459 UYN196458:UYO196459 VIJ196458:VIK196459 VSF196458:VSG196459 WCB196458:WCC196459 WLX196458:WLY196459 WVT196458:WVU196459 L261993:M261994 JH261994:JI261995 TD261994:TE261995 ACZ261994:ADA261995 AMV261994:AMW261995 AWR261994:AWS261995 BGN261994:BGO261995 BQJ261994:BQK261995 CAF261994:CAG261995 CKB261994:CKC261995 CTX261994:CTY261995 DDT261994:DDU261995 DNP261994:DNQ261995 DXL261994:DXM261995 EHH261994:EHI261995 ERD261994:ERE261995 FAZ261994:FBA261995 FKV261994:FKW261995 FUR261994:FUS261995 GEN261994:GEO261995 GOJ261994:GOK261995 GYF261994:GYG261995 HIB261994:HIC261995 HRX261994:HRY261995 IBT261994:IBU261995 ILP261994:ILQ261995 IVL261994:IVM261995 JFH261994:JFI261995 JPD261994:JPE261995 JYZ261994:JZA261995 KIV261994:KIW261995 KSR261994:KSS261995 LCN261994:LCO261995 LMJ261994:LMK261995 LWF261994:LWG261995 MGB261994:MGC261995 MPX261994:MPY261995 MZT261994:MZU261995 NJP261994:NJQ261995 NTL261994:NTM261995 ODH261994:ODI261995 OND261994:ONE261995 OWZ261994:OXA261995 PGV261994:PGW261995 PQR261994:PQS261995 QAN261994:QAO261995 QKJ261994:QKK261995 QUF261994:QUG261995 REB261994:REC261995 RNX261994:RNY261995 RXT261994:RXU261995 SHP261994:SHQ261995 SRL261994:SRM261995 TBH261994:TBI261995 TLD261994:TLE261995 TUZ261994:TVA261995 UEV261994:UEW261995 UOR261994:UOS261995 UYN261994:UYO261995 VIJ261994:VIK261995 VSF261994:VSG261995 WCB261994:WCC261995 WLX261994:WLY261995 WVT261994:WVU261995 L327529:M327530 JH327530:JI327531 TD327530:TE327531 ACZ327530:ADA327531 AMV327530:AMW327531 AWR327530:AWS327531 BGN327530:BGO327531 BQJ327530:BQK327531 CAF327530:CAG327531 CKB327530:CKC327531 CTX327530:CTY327531 DDT327530:DDU327531 DNP327530:DNQ327531 DXL327530:DXM327531 EHH327530:EHI327531 ERD327530:ERE327531 FAZ327530:FBA327531 FKV327530:FKW327531 FUR327530:FUS327531 GEN327530:GEO327531 GOJ327530:GOK327531 GYF327530:GYG327531 HIB327530:HIC327531 HRX327530:HRY327531 IBT327530:IBU327531 ILP327530:ILQ327531 IVL327530:IVM327531 JFH327530:JFI327531 JPD327530:JPE327531 JYZ327530:JZA327531 KIV327530:KIW327531 KSR327530:KSS327531 LCN327530:LCO327531 LMJ327530:LMK327531 LWF327530:LWG327531 MGB327530:MGC327531 MPX327530:MPY327531 MZT327530:MZU327531 NJP327530:NJQ327531 NTL327530:NTM327531 ODH327530:ODI327531 OND327530:ONE327531 OWZ327530:OXA327531 PGV327530:PGW327531 PQR327530:PQS327531 QAN327530:QAO327531 QKJ327530:QKK327531 QUF327530:QUG327531 REB327530:REC327531 RNX327530:RNY327531 RXT327530:RXU327531 SHP327530:SHQ327531 SRL327530:SRM327531 TBH327530:TBI327531 TLD327530:TLE327531 TUZ327530:TVA327531 UEV327530:UEW327531 UOR327530:UOS327531 UYN327530:UYO327531 VIJ327530:VIK327531 VSF327530:VSG327531 WCB327530:WCC327531 WLX327530:WLY327531 WVT327530:WVU327531 L393065:M393066 JH393066:JI393067 TD393066:TE393067 ACZ393066:ADA393067 AMV393066:AMW393067 AWR393066:AWS393067 BGN393066:BGO393067 BQJ393066:BQK393067 CAF393066:CAG393067 CKB393066:CKC393067 CTX393066:CTY393067 DDT393066:DDU393067 DNP393066:DNQ393067 DXL393066:DXM393067 EHH393066:EHI393067 ERD393066:ERE393067 FAZ393066:FBA393067 FKV393066:FKW393067 FUR393066:FUS393067 GEN393066:GEO393067 GOJ393066:GOK393067 GYF393066:GYG393067 HIB393066:HIC393067 HRX393066:HRY393067 IBT393066:IBU393067 ILP393066:ILQ393067 IVL393066:IVM393067 JFH393066:JFI393067 JPD393066:JPE393067 JYZ393066:JZA393067 KIV393066:KIW393067 KSR393066:KSS393067 LCN393066:LCO393067 LMJ393066:LMK393067 LWF393066:LWG393067 MGB393066:MGC393067 MPX393066:MPY393067 MZT393066:MZU393067 NJP393066:NJQ393067 NTL393066:NTM393067 ODH393066:ODI393067 OND393066:ONE393067 OWZ393066:OXA393067 PGV393066:PGW393067 PQR393066:PQS393067 QAN393066:QAO393067 QKJ393066:QKK393067 QUF393066:QUG393067 REB393066:REC393067 RNX393066:RNY393067 RXT393066:RXU393067 SHP393066:SHQ393067 SRL393066:SRM393067 TBH393066:TBI393067 TLD393066:TLE393067 TUZ393066:TVA393067 UEV393066:UEW393067 UOR393066:UOS393067 UYN393066:UYO393067 VIJ393066:VIK393067 VSF393066:VSG393067 WCB393066:WCC393067 WLX393066:WLY393067 WVT393066:WVU393067 L458601:M458602 JH458602:JI458603 TD458602:TE458603 ACZ458602:ADA458603 AMV458602:AMW458603 AWR458602:AWS458603 BGN458602:BGO458603 BQJ458602:BQK458603 CAF458602:CAG458603 CKB458602:CKC458603 CTX458602:CTY458603 DDT458602:DDU458603 DNP458602:DNQ458603 DXL458602:DXM458603 EHH458602:EHI458603 ERD458602:ERE458603 FAZ458602:FBA458603 FKV458602:FKW458603 FUR458602:FUS458603 GEN458602:GEO458603 GOJ458602:GOK458603 GYF458602:GYG458603 HIB458602:HIC458603 HRX458602:HRY458603 IBT458602:IBU458603 ILP458602:ILQ458603 IVL458602:IVM458603 JFH458602:JFI458603 JPD458602:JPE458603 JYZ458602:JZA458603 KIV458602:KIW458603 KSR458602:KSS458603 LCN458602:LCO458603 LMJ458602:LMK458603 LWF458602:LWG458603 MGB458602:MGC458603 MPX458602:MPY458603 MZT458602:MZU458603 NJP458602:NJQ458603 NTL458602:NTM458603 ODH458602:ODI458603 OND458602:ONE458603 OWZ458602:OXA458603 PGV458602:PGW458603 PQR458602:PQS458603 QAN458602:QAO458603 QKJ458602:QKK458603 QUF458602:QUG458603 REB458602:REC458603 RNX458602:RNY458603 RXT458602:RXU458603 SHP458602:SHQ458603 SRL458602:SRM458603 TBH458602:TBI458603 TLD458602:TLE458603 TUZ458602:TVA458603 UEV458602:UEW458603 UOR458602:UOS458603 UYN458602:UYO458603 VIJ458602:VIK458603 VSF458602:VSG458603 WCB458602:WCC458603 WLX458602:WLY458603 WVT458602:WVU458603 L524137:M524138 JH524138:JI524139 TD524138:TE524139 ACZ524138:ADA524139 AMV524138:AMW524139 AWR524138:AWS524139 BGN524138:BGO524139 BQJ524138:BQK524139 CAF524138:CAG524139 CKB524138:CKC524139 CTX524138:CTY524139 DDT524138:DDU524139 DNP524138:DNQ524139 DXL524138:DXM524139 EHH524138:EHI524139 ERD524138:ERE524139 FAZ524138:FBA524139 FKV524138:FKW524139 FUR524138:FUS524139 GEN524138:GEO524139 GOJ524138:GOK524139 GYF524138:GYG524139 HIB524138:HIC524139 HRX524138:HRY524139 IBT524138:IBU524139 ILP524138:ILQ524139 IVL524138:IVM524139 JFH524138:JFI524139 JPD524138:JPE524139 JYZ524138:JZA524139 KIV524138:KIW524139 KSR524138:KSS524139 LCN524138:LCO524139 LMJ524138:LMK524139 LWF524138:LWG524139 MGB524138:MGC524139 MPX524138:MPY524139 MZT524138:MZU524139 NJP524138:NJQ524139 NTL524138:NTM524139 ODH524138:ODI524139 OND524138:ONE524139 OWZ524138:OXA524139 PGV524138:PGW524139 PQR524138:PQS524139 QAN524138:QAO524139 QKJ524138:QKK524139 QUF524138:QUG524139 REB524138:REC524139 RNX524138:RNY524139 RXT524138:RXU524139 SHP524138:SHQ524139 SRL524138:SRM524139 TBH524138:TBI524139 TLD524138:TLE524139 TUZ524138:TVA524139 UEV524138:UEW524139 UOR524138:UOS524139 UYN524138:UYO524139 VIJ524138:VIK524139 VSF524138:VSG524139 WCB524138:WCC524139 WLX524138:WLY524139 WVT524138:WVU524139 L589673:M589674 JH589674:JI589675 TD589674:TE589675 ACZ589674:ADA589675 AMV589674:AMW589675 AWR589674:AWS589675 BGN589674:BGO589675 BQJ589674:BQK589675 CAF589674:CAG589675 CKB589674:CKC589675 CTX589674:CTY589675 DDT589674:DDU589675 DNP589674:DNQ589675 DXL589674:DXM589675 EHH589674:EHI589675 ERD589674:ERE589675 FAZ589674:FBA589675 FKV589674:FKW589675 FUR589674:FUS589675 GEN589674:GEO589675 GOJ589674:GOK589675 GYF589674:GYG589675 HIB589674:HIC589675 HRX589674:HRY589675 IBT589674:IBU589675 ILP589674:ILQ589675 IVL589674:IVM589675 JFH589674:JFI589675 JPD589674:JPE589675 JYZ589674:JZA589675 KIV589674:KIW589675 KSR589674:KSS589675 LCN589674:LCO589675 LMJ589674:LMK589675 LWF589674:LWG589675 MGB589674:MGC589675 MPX589674:MPY589675 MZT589674:MZU589675 NJP589674:NJQ589675 NTL589674:NTM589675 ODH589674:ODI589675 OND589674:ONE589675 OWZ589674:OXA589675 PGV589674:PGW589675 PQR589674:PQS589675 QAN589674:QAO589675 QKJ589674:QKK589675 QUF589674:QUG589675 REB589674:REC589675 RNX589674:RNY589675 RXT589674:RXU589675 SHP589674:SHQ589675 SRL589674:SRM589675 TBH589674:TBI589675 TLD589674:TLE589675 TUZ589674:TVA589675 UEV589674:UEW589675 UOR589674:UOS589675 UYN589674:UYO589675 VIJ589674:VIK589675 VSF589674:VSG589675 WCB589674:WCC589675 WLX589674:WLY589675 WVT589674:WVU589675 L655209:M655210 JH655210:JI655211 TD655210:TE655211 ACZ655210:ADA655211 AMV655210:AMW655211 AWR655210:AWS655211 BGN655210:BGO655211 BQJ655210:BQK655211 CAF655210:CAG655211 CKB655210:CKC655211 CTX655210:CTY655211 DDT655210:DDU655211 DNP655210:DNQ655211 DXL655210:DXM655211 EHH655210:EHI655211 ERD655210:ERE655211 FAZ655210:FBA655211 FKV655210:FKW655211 FUR655210:FUS655211 GEN655210:GEO655211 GOJ655210:GOK655211 GYF655210:GYG655211 HIB655210:HIC655211 HRX655210:HRY655211 IBT655210:IBU655211 ILP655210:ILQ655211 IVL655210:IVM655211 JFH655210:JFI655211 JPD655210:JPE655211 JYZ655210:JZA655211 KIV655210:KIW655211 KSR655210:KSS655211 LCN655210:LCO655211 LMJ655210:LMK655211 LWF655210:LWG655211 MGB655210:MGC655211 MPX655210:MPY655211 MZT655210:MZU655211 NJP655210:NJQ655211 NTL655210:NTM655211 ODH655210:ODI655211 OND655210:ONE655211 OWZ655210:OXA655211 PGV655210:PGW655211 PQR655210:PQS655211 QAN655210:QAO655211 QKJ655210:QKK655211 QUF655210:QUG655211 REB655210:REC655211 RNX655210:RNY655211 RXT655210:RXU655211 SHP655210:SHQ655211 SRL655210:SRM655211 TBH655210:TBI655211 TLD655210:TLE655211 TUZ655210:TVA655211 UEV655210:UEW655211 UOR655210:UOS655211 UYN655210:UYO655211 VIJ655210:VIK655211 VSF655210:VSG655211 WCB655210:WCC655211 WLX655210:WLY655211 WVT655210:WVU655211 L720745:M720746 JH720746:JI720747 TD720746:TE720747 ACZ720746:ADA720747 AMV720746:AMW720747 AWR720746:AWS720747 BGN720746:BGO720747 BQJ720746:BQK720747 CAF720746:CAG720747 CKB720746:CKC720747 CTX720746:CTY720747 DDT720746:DDU720747 DNP720746:DNQ720747 DXL720746:DXM720747 EHH720746:EHI720747 ERD720746:ERE720747 FAZ720746:FBA720747 FKV720746:FKW720747 FUR720746:FUS720747 GEN720746:GEO720747 GOJ720746:GOK720747 GYF720746:GYG720747 HIB720746:HIC720747 HRX720746:HRY720747 IBT720746:IBU720747 ILP720746:ILQ720747 IVL720746:IVM720747 JFH720746:JFI720747 JPD720746:JPE720747 JYZ720746:JZA720747 KIV720746:KIW720747 KSR720746:KSS720747 LCN720746:LCO720747 LMJ720746:LMK720747 LWF720746:LWG720747 MGB720746:MGC720747 MPX720746:MPY720747 MZT720746:MZU720747 NJP720746:NJQ720747 NTL720746:NTM720747 ODH720746:ODI720747 OND720746:ONE720747 OWZ720746:OXA720747 PGV720746:PGW720747 PQR720746:PQS720747 QAN720746:QAO720747 QKJ720746:QKK720747 QUF720746:QUG720747 REB720746:REC720747 RNX720746:RNY720747 RXT720746:RXU720747 SHP720746:SHQ720747 SRL720746:SRM720747 TBH720746:TBI720747 TLD720746:TLE720747 TUZ720746:TVA720747 UEV720746:UEW720747 UOR720746:UOS720747 UYN720746:UYO720747 VIJ720746:VIK720747 VSF720746:VSG720747 WCB720746:WCC720747 WLX720746:WLY720747 WVT720746:WVU720747 L786281:M786282 JH786282:JI786283 TD786282:TE786283 ACZ786282:ADA786283 AMV786282:AMW786283 AWR786282:AWS786283 BGN786282:BGO786283 BQJ786282:BQK786283 CAF786282:CAG786283 CKB786282:CKC786283 CTX786282:CTY786283 DDT786282:DDU786283 DNP786282:DNQ786283 DXL786282:DXM786283 EHH786282:EHI786283 ERD786282:ERE786283 FAZ786282:FBA786283 FKV786282:FKW786283 FUR786282:FUS786283 GEN786282:GEO786283 GOJ786282:GOK786283 GYF786282:GYG786283 HIB786282:HIC786283 HRX786282:HRY786283 IBT786282:IBU786283 ILP786282:ILQ786283 IVL786282:IVM786283 JFH786282:JFI786283 JPD786282:JPE786283 JYZ786282:JZA786283 KIV786282:KIW786283 KSR786282:KSS786283 LCN786282:LCO786283 LMJ786282:LMK786283 LWF786282:LWG786283 MGB786282:MGC786283 MPX786282:MPY786283 MZT786282:MZU786283 NJP786282:NJQ786283 NTL786282:NTM786283 ODH786282:ODI786283 OND786282:ONE786283 OWZ786282:OXA786283 PGV786282:PGW786283 PQR786282:PQS786283 QAN786282:QAO786283 QKJ786282:QKK786283 QUF786282:QUG786283 REB786282:REC786283 RNX786282:RNY786283 RXT786282:RXU786283 SHP786282:SHQ786283 SRL786282:SRM786283 TBH786282:TBI786283 TLD786282:TLE786283 TUZ786282:TVA786283 UEV786282:UEW786283 UOR786282:UOS786283 UYN786282:UYO786283 VIJ786282:VIK786283 VSF786282:VSG786283 WCB786282:WCC786283 WLX786282:WLY786283 WVT786282:WVU786283 L851817:M851818 JH851818:JI851819 TD851818:TE851819 ACZ851818:ADA851819 AMV851818:AMW851819 AWR851818:AWS851819 BGN851818:BGO851819 BQJ851818:BQK851819 CAF851818:CAG851819 CKB851818:CKC851819 CTX851818:CTY851819 DDT851818:DDU851819 DNP851818:DNQ851819 DXL851818:DXM851819 EHH851818:EHI851819 ERD851818:ERE851819 FAZ851818:FBA851819 FKV851818:FKW851819 FUR851818:FUS851819 GEN851818:GEO851819 GOJ851818:GOK851819 GYF851818:GYG851819 HIB851818:HIC851819 HRX851818:HRY851819 IBT851818:IBU851819 ILP851818:ILQ851819 IVL851818:IVM851819 JFH851818:JFI851819 JPD851818:JPE851819 JYZ851818:JZA851819 KIV851818:KIW851819 KSR851818:KSS851819 LCN851818:LCO851819 LMJ851818:LMK851819 LWF851818:LWG851819 MGB851818:MGC851819 MPX851818:MPY851819 MZT851818:MZU851819 NJP851818:NJQ851819 NTL851818:NTM851819 ODH851818:ODI851819 OND851818:ONE851819 OWZ851818:OXA851819 PGV851818:PGW851819 PQR851818:PQS851819 QAN851818:QAO851819 QKJ851818:QKK851819 QUF851818:QUG851819 REB851818:REC851819 RNX851818:RNY851819 RXT851818:RXU851819 SHP851818:SHQ851819 SRL851818:SRM851819 TBH851818:TBI851819 TLD851818:TLE851819 TUZ851818:TVA851819 UEV851818:UEW851819 UOR851818:UOS851819 UYN851818:UYO851819 VIJ851818:VIK851819 VSF851818:VSG851819 WCB851818:WCC851819 WLX851818:WLY851819 WVT851818:WVU851819 L917353:M917354 JH917354:JI917355 TD917354:TE917355 ACZ917354:ADA917355 AMV917354:AMW917355 AWR917354:AWS917355 BGN917354:BGO917355 BQJ917354:BQK917355 CAF917354:CAG917355 CKB917354:CKC917355 CTX917354:CTY917355 DDT917354:DDU917355 DNP917354:DNQ917355 DXL917354:DXM917355 EHH917354:EHI917355 ERD917354:ERE917355 FAZ917354:FBA917355 FKV917354:FKW917355 FUR917354:FUS917355 GEN917354:GEO917355 GOJ917354:GOK917355 GYF917354:GYG917355 HIB917354:HIC917355 HRX917354:HRY917355 IBT917354:IBU917355 ILP917354:ILQ917355 IVL917354:IVM917355 JFH917354:JFI917355 JPD917354:JPE917355 JYZ917354:JZA917355 KIV917354:KIW917355 KSR917354:KSS917355 LCN917354:LCO917355 LMJ917354:LMK917355 LWF917354:LWG917355 MGB917354:MGC917355 MPX917354:MPY917355 MZT917354:MZU917355 NJP917354:NJQ917355 NTL917354:NTM917355 ODH917354:ODI917355 OND917354:ONE917355 OWZ917354:OXA917355 PGV917354:PGW917355 PQR917354:PQS917355 QAN917354:QAO917355 QKJ917354:QKK917355 QUF917354:QUG917355 REB917354:REC917355 RNX917354:RNY917355 RXT917354:RXU917355 SHP917354:SHQ917355 SRL917354:SRM917355 TBH917354:TBI917355 TLD917354:TLE917355 TUZ917354:TVA917355 UEV917354:UEW917355 UOR917354:UOS917355 UYN917354:UYO917355 VIJ917354:VIK917355 VSF917354:VSG917355 WCB917354:WCC917355 WLX917354:WLY917355 WVT917354:WVU917355 L982889:M982890 JH982890:JI982891 TD982890:TE982891 ACZ982890:ADA982891 AMV982890:AMW982891 AWR982890:AWS982891 BGN982890:BGO982891 BQJ982890:BQK982891 CAF982890:CAG982891 CKB982890:CKC982891 CTX982890:CTY982891 DDT982890:DDU982891 DNP982890:DNQ982891 DXL982890:DXM982891 EHH982890:EHI982891 ERD982890:ERE982891 FAZ982890:FBA982891 FKV982890:FKW982891 FUR982890:FUS982891 GEN982890:GEO982891 GOJ982890:GOK982891 GYF982890:GYG982891 HIB982890:HIC982891 HRX982890:HRY982891 IBT982890:IBU982891 ILP982890:ILQ982891 IVL982890:IVM982891 JFH982890:JFI982891 JPD982890:JPE982891 JYZ982890:JZA982891 KIV982890:KIW982891 KSR982890:KSS982891 LCN982890:LCO982891 LMJ982890:LMK982891 LWF982890:LWG982891 MGB982890:MGC982891 MPX982890:MPY982891 MZT982890:MZU982891 NJP982890:NJQ982891 NTL982890:NTM982891 ODH982890:ODI982891 OND982890:ONE982891 OWZ982890:OXA982891 PGV982890:PGW982891 PQR982890:PQS982891 QAN982890:QAO982891 QKJ982890:QKK982891 QUF982890:QUG982891 REB982890:REC982891 RNX982890:RNY982891 RXT982890:RXU982891 SHP982890:SHQ982891 SRL982890:SRM982891 TBH982890:TBI982891 TLD982890:TLE982891 TUZ982890:TVA982891 UEV982890:UEW982891 UOR982890:UOS982891 UYN982890:UYO982891 VIJ982890:VIK982891 VSF982890:VSG982891 WCB982890:WCC982891 WLX982890:WLY982891 WVT982890:WVU982891 WVT71:WVU72 WLX71:WLY72 WCB71:WCC72 VSF71:VSG72 VIJ71:VIK72 UYN71:UYO72 UOR71:UOS72 UEV71:UEW72 TUZ71:TVA72 TLD71:TLE72 TBH71:TBI72 SRL71:SRM72 SHP71:SHQ72 RXT71:RXU72 RNX71:RNY72 REB71:REC72 QUF71:QUG72 QKJ71:QKK72 QAN71:QAO72 PQR71:PQS72 PGV71:PGW72 OWZ71:OXA72 OND71:ONE72 ODH71:ODI72 NTL71:NTM72 NJP71:NJQ72 MZT71:MZU72 MPX71:MPY72 MGB71:MGC72 LWF71:LWG72 LMJ71:LMK72 LCN71:LCO72 KSR71:KSS72 KIV71:KIW72 JYZ71:JZA72 JPD71:JPE72 JFH71:JFI72 IVL71:IVM72 ILP71:ILQ72 IBT71:IBU72 HRX71:HRY72 HIB71:HIC72 GYF71:GYG72 GOJ71:GOK72 GEN71:GEO72 FUR71:FUS72 FKV71:FKW72 FAZ71:FBA72 ERD71:ERE72 EHH71:EHI72 DXL71:DXM72 DNP71:DNQ72 DDT71:DDU72 CTX71:CTY72 CKB71:CKC72 CAF71:CAG72 BQJ71:BQK72 BGN71:BGO72 AWR71:AWS72 AMV71:AMW72 ACZ71:ADA72 TD71:TE72 JH71:JI72 L70:M71 WVT97:WVU98 WLX97:WLY98 WCB97:WCC98 VSF97:VSG98 VIJ97:VIK98 UYN97:UYO98 UOR97:UOS98 UEV97:UEW98 TUZ97:TVA98 TLD97:TLE98 TBH97:TBI98 SRL97:SRM98 SHP97:SHQ98 RXT97:RXU98 RNX97:RNY98 REB97:REC98 QUF97:QUG98 QKJ97:QKK98 QAN97:QAO98 PQR97:PQS98 PGV97:PGW98 OWZ97:OXA98 OND97:ONE98 ODH97:ODI98 NTL97:NTM98 NJP97:NJQ98 MZT97:MZU98 MPX97:MPY98 MGB97:MGC98 LWF97:LWG98 LMJ97:LMK98 LCN97:LCO98 KSR97:KSS98 KIV97:KIW98 JYZ97:JZA98 JPD97:JPE98 JFH97:JFI98 IVL97:IVM98 ILP97:ILQ98 IBT97:IBU98 HRX97:HRY98 HIB97:HIC98 GYF97:GYG98 GOJ97:GOK98 GEN97:GEO98 FUR97:FUS98 FKV97:FKW98 FAZ97:FBA98 ERD97:ERE98 EHH97:EHI98 DXL97:DXM98 DNP97:DNQ98 DDT97:DDU98 CTX97:CTY98 CKB97:CKC98 CAF97:CAG98 BQJ97:BQK98 BGN97:BGO98 AWR97:AWS98 AMV97:AMW98 ACZ97:ADA98 TD97:TE98 JH97:JI98 L96:M97" xr:uid="{944C03FE-4BB3-408B-A057-46CDF9A14188}">
      <formula1>"Yes/No,Yes , No"</formula1>
    </dataValidation>
    <dataValidation type="list" showInputMessage="1" showErrorMessage="1" prompt="判定基準を満たす： Applicable_x000a_満たさない： Not Applicable" sqref="L18:M19" xr:uid="{A5CF1F10-8C9C-4715-9D26-2F9EFEF9B221}">
      <formula1>"&lt; Applicable/ Not Applicable &gt;, Applicable, Not Applicable"</formula1>
    </dataValidation>
  </dataValidations>
  <printOptions horizontalCentered="1"/>
  <pageMargins left="0.39370078740157483" right="0.19685039370078741" top="0.59055118110236227" bottom="0.43307086614173229" header="0.19685039370078741" footer="0.23622047244094491"/>
  <pageSetup paperSize="9" scale="50" fitToHeight="2" orientation="portrait" r:id="rId1"/>
  <headerFooter alignWithMargins="0">
    <oddFooter>&amp;LD. Part 2&amp;RV.15.0 (revised on Oct. 2023)</oddFooter>
  </headerFooter>
  <rowBreaks count="1" manualBreakCount="1">
    <brk id="47" max="1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00B0F0"/>
  </sheetPr>
  <dimension ref="A1:I159"/>
  <sheetViews>
    <sheetView showGridLines="0" view="pageBreakPreview" zoomScale="90" zoomScaleNormal="100" zoomScaleSheetLayoutView="90" workbookViewId="0">
      <selection activeCell="I17" sqref="I17:I18"/>
    </sheetView>
  </sheetViews>
  <sheetFormatPr defaultColWidth="0.85546875" defaultRowHeight="15.75"/>
  <cols>
    <col min="1" max="1" width="2.140625" style="72" customWidth="1"/>
    <col min="2" max="2" width="1.85546875" style="74" customWidth="1"/>
    <col min="3" max="3" width="4" style="75" bestFit="1" customWidth="1"/>
    <col min="4" max="4" width="3" style="76" customWidth="1"/>
    <col min="5" max="5" width="12.5703125" style="75" customWidth="1"/>
    <col min="6" max="6" width="5.42578125" style="77" bestFit="1" customWidth="1"/>
    <col min="7" max="7" width="100.42578125" style="78" customWidth="1"/>
    <col min="8" max="8" width="13.42578125" style="75" bestFit="1" customWidth="1"/>
    <col min="9" max="9" width="13.140625" style="76" customWidth="1"/>
    <col min="10" max="10" width="7.7109375" style="76" customWidth="1"/>
    <col min="11" max="16384" width="0.85546875" style="76"/>
  </cols>
  <sheetData>
    <row r="1" spans="1:9">
      <c r="I1" s="9" t="str">
        <f>A.RoHS!G1</f>
        <v xml:space="preserve"> </v>
      </c>
    </row>
    <row r="2" spans="1:9">
      <c r="A2" s="72" t="s">
        <v>524</v>
      </c>
    </row>
    <row r="3" spans="1:9" ht="45.75" customHeight="1">
      <c r="B3" s="881" t="s">
        <v>971</v>
      </c>
      <c r="C3" s="882"/>
      <c r="D3" s="882"/>
      <c r="E3" s="882"/>
      <c r="F3" s="882"/>
      <c r="G3" s="882"/>
      <c r="H3" s="882"/>
      <c r="I3" s="882"/>
    </row>
    <row r="4" spans="1:9" ht="4.5" customHeight="1">
      <c r="A4" s="18"/>
      <c r="B4" s="18"/>
      <c r="C4" s="30"/>
      <c r="D4" s="19"/>
      <c r="E4" s="30"/>
      <c r="F4" s="20"/>
      <c r="G4" s="21"/>
    </row>
    <row r="5" spans="1:9" s="180" customFormat="1" ht="21.75" customHeight="1">
      <c r="A5" s="185"/>
      <c r="C5" s="269" t="s">
        <v>964</v>
      </c>
      <c r="D5" s="270"/>
      <c r="E5" s="270"/>
      <c r="F5" s="271"/>
      <c r="G5" s="272"/>
      <c r="H5" s="273"/>
      <c r="I5" s="274"/>
    </row>
    <row r="6" spans="1:9" s="180" customFormat="1" ht="14.25">
      <c r="A6" s="185"/>
      <c r="C6" s="259" t="s">
        <v>965</v>
      </c>
      <c r="D6" s="244"/>
      <c r="E6" s="244"/>
      <c r="F6" s="245"/>
      <c r="G6" s="246"/>
      <c r="H6" s="210"/>
      <c r="I6" s="260"/>
    </row>
    <row r="7" spans="1:9" s="180" customFormat="1" ht="14.25">
      <c r="A7" s="185"/>
      <c r="C7" s="261" t="s">
        <v>966</v>
      </c>
      <c r="D7" s="244"/>
      <c r="E7" s="244"/>
      <c r="F7" s="245"/>
      <c r="G7" s="246"/>
      <c r="H7" s="210"/>
      <c r="I7" s="260"/>
    </row>
    <row r="8" spans="1:9" s="180" customFormat="1" ht="14.25">
      <c r="A8" s="185"/>
      <c r="C8" s="259" t="s">
        <v>967</v>
      </c>
      <c r="D8" s="244"/>
      <c r="E8" s="244"/>
      <c r="F8" s="245"/>
      <c r="G8" s="246"/>
      <c r="H8" s="210"/>
      <c r="I8" s="260"/>
    </row>
    <row r="9" spans="1:9" s="180" customFormat="1" ht="14.25">
      <c r="A9" s="185"/>
      <c r="C9" s="261" t="s">
        <v>968</v>
      </c>
      <c r="D9" s="244"/>
      <c r="E9" s="244"/>
      <c r="F9" s="245"/>
      <c r="G9" s="246"/>
      <c r="H9" s="210"/>
      <c r="I9" s="260"/>
    </row>
    <row r="10" spans="1:9" s="248" customFormat="1" ht="14.25">
      <c r="A10" s="247"/>
      <c r="C10" s="262" t="s">
        <v>969</v>
      </c>
      <c r="D10" s="249"/>
      <c r="E10" s="249"/>
      <c r="F10" s="245"/>
      <c r="G10" s="250"/>
      <c r="H10" s="251"/>
      <c r="I10" s="263"/>
    </row>
    <row r="11" spans="1:9" s="180" customFormat="1" ht="14.25">
      <c r="A11" s="185"/>
      <c r="C11" s="261" t="s">
        <v>970</v>
      </c>
      <c r="D11" s="244"/>
      <c r="E11" s="244"/>
      <c r="F11" s="245"/>
      <c r="G11" s="246"/>
      <c r="H11" s="210"/>
      <c r="I11" s="260"/>
    </row>
    <row r="12" spans="1:9" s="180" customFormat="1" ht="14.25">
      <c r="A12" s="185"/>
      <c r="C12" s="259" t="s">
        <v>632</v>
      </c>
      <c r="D12" s="244"/>
      <c r="E12" s="244"/>
      <c r="F12" s="245"/>
      <c r="G12" s="246"/>
      <c r="H12" s="210"/>
      <c r="I12" s="260"/>
    </row>
    <row r="13" spans="1:9" s="180" customFormat="1" ht="14.25">
      <c r="A13" s="185"/>
      <c r="C13" s="279" t="s">
        <v>633</v>
      </c>
      <c r="D13" s="264"/>
      <c r="E13" s="264"/>
      <c r="F13" s="265"/>
      <c r="G13" s="266"/>
      <c r="H13" s="267"/>
      <c r="I13" s="268"/>
    </row>
    <row r="14" spans="1:9" ht="14.25">
      <c r="A14" s="18"/>
      <c r="B14" s="236"/>
      <c r="C14" s="30"/>
      <c r="D14" s="19"/>
      <c r="E14" s="30"/>
      <c r="F14" s="20"/>
      <c r="G14" s="21"/>
    </row>
    <row r="15" spans="1:9" ht="26.25" thickBot="1">
      <c r="C15" s="877" t="s">
        <v>283</v>
      </c>
      <c r="D15" s="878"/>
      <c r="E15" s="879"/>
      <c r="F15" s="79" t="s">
        <v>13</v>
      </c>
      <c r="G15" s="80" t="s">
        <v>223</v>
      </c>
      <c r="H15" s="81" t="s">
        <v>525</v>
      </c>
      <c r="I15" s="82" t="s">
        <v>88</v>
      </c>
    </row>
    <row r="16" spans="1:9" ht="16.5" thickTop="1">
      <c r="C16" s="83">
        <v>1</v>
      </c>
      <c r="D16" s="76" t="s">
        <v>526</v>
      </c>
      <c r="I16" s="84"/>
    </row>
    <row r="17" spans="1:9">
      <c r="C17" s="83"/>
      <c r="D17" s="85"/>
      <c r="E17" s="86" t="s">
        <v>527</v>
      </c>
      <c r="F17" s="191">
        <v>1</v>
      </c>
      <c r="G17" s="223" t="s">
        <v>440</v>
      </c>
      <c r="H17" s="175" t="s">
        <v>191</v>
      </c>
      <c r="I17" s="876" t="s">
        <v>845</v>
      </c>
    </row>
    <row r="18" spans="1:9" ht="14.25">
      <c r="A18" s="18"/>
      <c r="B18" s="18"/>
      <c r="C18" s="35"/>
      <c r="D18" s="25"/>
      <c r="E18" s="31" t="s">
        <v>11</v>
      </c>
      <c r="F18" s="189"/>
      <c r="G18" s="224" t="s">
        <v>201</v>
      </c>
      <c r="H18" s="225"/>
      <c r="I18" s="876"/>
    </row>
    <row r="19" spans="1:9" ht="26.25">
      <c r="C19" s="83"/>
      <c r="D19" s="85"/>
      <c r="E19" s="92" t="s">
        <v>90</v>
      </c>
      <c r="F19" s="191">
        <v>2</v>
      </c>
      <c r="G19" s="223" t="s">
        <v>284</v>
      </c>
      <c r="H19" s="883" t="s">
        <v>202</v>
      </c>
      <c r="I19" s="100" t="s">
        <v>203</v>
      </c>
    </row>
    <row r="20" spans="1:9">
      <c r="C20" s="83"/>
      <c r="D20" s="85"/>
      <c r="E20" s="92"/>
      <c r="F20" s="183"/>
      <c r="G20" s="228" t="s">
        <v>441</v>
      </c>
      <c r="H20" s="768"/>
      <c r="I20" s="368"/>
    </row>
    <row r="21" spans="1:9">
      <c r="C21" s="83"/>
      <c r="D21" s="85"/>
      <c r="E21" s="92"/>
      <c r="F21" s="183"/>
      <c r="G21" s="228" t="s">
        <v>528</v>
      </c>
      <c r="H21" s="768"/>
      <c r="I21" s="368"/>
    </row>
    <row r="22" spans="1:9" ht="28.5">
      <c r="C22" s="83"/>
      <c r="D22" s="85"/>
      <c r="E22" s="92"/>
      <c r="F22" s="183"/>
      <c r="G22" s="228" t="s">
        <v>529</v>
      </c>
      <c r="H22" s="768"/>
      <c r="I22" s="368"/>
    </row>
    <row r="23" spans="1:9" ht="42.75">
      <c r="C23" s="83"/>
      <c r="D23" s="85"/>
      <c r="E23" s="92"/>
      <c r="F23" s="183"/>
      <c r="G23" s="228" t="s">
        <v>530</v>
      </c>
      <c r="H23" s="768"/>
      <c r="I23" s="368"/>
    </row>
    <row r="24" spans="1:9" ht="33.75" customHeight="1">
      <c r="C24" s="83"/>
      <c r="D24" s="85"/>
      <c r="E24" s="92"/>
      <c r="F24" s="183"/>
      <c r="G24" s="228" t="s">
        <v>531</v>
      </c>
      <c r="H24" s="768"/>
      <c r="I24" s="368"/>
    </row>
    <row r="25" spans="1:9" ht="28.5">
      <c r="C25" s="83"/>
      <c r="D25" s="85"/>
      <c r="E25" s="92"/>
      <c r="F25" s="183"/>
      <c r="G25" s="228" t="s">
        <v>532</v>
      </c>
      <c r="H25" s="788"/>
      <c r="I25" s="368"/>
    </row>
    <row r="26" spans="1:9" ht="28.5" customHeight="1">
      <c r="C26" s="83"/>
      <c r="D26" s="85"/>
      <c r="E26" s="32" t="s">
        <v>12</v>
      </c>
      <c r="F26" s="226">
        <v>3</v>
      </c>
      <c r="G26" s="223" t="s">
        <v>265</v>
      </c>
      <c r="H26" s="175" t="s">
        <v>204</v>
      </c>
      <c r="I26" s="876" t="s">
        <v>87</v>
      </c>
    </row>
    <row r="27" spans="1:9" ht="26.25" customHeight="1">
      <c r="C27" s="83"/>
      <c r="D27" s="85"/>
      <c r="E27" s="32"/>
      <c r="F27" s="202"/>
      <c r="G27" s="224" t="s">
        <v>266</v>
      </c>
      <c r="H27" s="225"/>
      <c r="I27" s="876"/>
    </row>
    <row r="28" spans="1:9">
      <c r="C28" s="83"/>
      <c r="D28" s="85"/>
      <c r="E28" s="32"/>
      <c r="F28" s="191">
        <v>4</v>
      </c>
      <c r="G28" s="223" t="s">
        <v>533</v>
      </c>
      <c r="H28" s="369" t="s">
        <v>205</v>
      </c>
      <c r="I28" s="876" t="s">
        <v>87</v>
      </c>
    </row>
    <row r="29" spans="1:9">
      <c r="C29" s="83"/>
      <c r="D29" s="85"/>
      <c r="E29" s="32"/>
      <c r="F29" s="227"/>
      <c r="G29" s="224" t="s">
        <v>267</v>
      </c>
      <c r="H29" s="371"/>
      <c r="I29" s="876"/>
    </row>
    <row r="30" spans="1:9">
      <c r="C30" s="83"/>
      <c r="D30" s="85"/>
      <c r="E30" s="92"/>
      <c r="F30" s="191">
        <v>5</v>
      </c>
      <c r="G30" s="223" t="s">
        <v>186</v>
      </c>
      <c r="H30" s="369" t="s">
        <v>72</v>
      </c>
      <c r="I30" s="874" t="s">
        <v>87</v>
      </c>
    </row>
    <row r="31" spans="1:9">
      <c r="C31" s="83"/>
      <c r="D31" s="85"/>
      <c r="E31" s="32"/>
      <c r="F31" s="202"/>
      <c r="G31" s="224" t="s">
        <v>206</v>
      </c>
      <c r="H31" s="371"/>
      <c r="I31" s="875"/>
    </row>
    <row r="32" spans="1:9">
      <c r="C32" s="83"/>
      <c r="D32" s="85"/>
      <c r="E32" s="32"/>
      <c r="F32" s="26"/>
      <c r="G32" s="104" t="s">
        <v>534</v>
      </c>
      <c r="H32" s="91" t="s">
        <v>72</v>
      </c>
      <c r="I32" s="880" t="s">
        <v>189</v>
      </c>
    </row>
    <row r="33" spans="1:9">
      <c r="C33" s="83"/>
      <c r="D33" s="85"/>
      <c r="E33" s="32"/>
      <c r="F33" s="26"/>
      <c r="G33" s="105"/>
      <c r="H33" s="103"/>
      <c r="I33" s="875"/>
    </row>
    <row r="34" spans="1:9">
      <c r="C34" s="83"/>
      <c r="D34" s="85"/>
      <c r="E34" s="32"/>
      <c r="F34" s="26"/>
      <c r="G34" s="40" t="s">
        <v>98</v>
      </c>
      <c r="H34" s="91" t="s">
        <v>72</v>
      </c>
      <c r="I34" s="874"/>
    </row>
    <row r="35" spans="1:9">
      <c r="C35" s="90"/>
      <c r="D35" s="98"/>
      <c r="E35" s="33"/>
      <c r="F35" s="23"/>
      <c r="G35" s="76"/>
      <c r="H35" s="103"/>
      <c r="I35" s="875"/>
    </row>
    <row r="36" spans="1:9">
      <c r="C36" s="89">
        <v>2</v>
      </c>
      <c r="D36" s="93" t="s">
        <v>535</v>
      </c>
      <c r="E36" s="94"/>
      <c r="F36" s="95"/>
      <c r="G36" s="96"/>
      <c r="H36" s="94"/>
      <c r="I36" s="97"/>
    </row>
    <row r="37" spans="1:9">
      <c r="C37" s="83"/>
      <c r="D37" s="85"/>
      <c r="E37" s="86" t="s">
        <v>527</v>
      </c>
      <c r="F37" s="87">
        <v>1</v>
      </c>
      <c r="G37" s="237" t="s">
        <v>536</v>
      </c>
      <c r="H37" s="89" t="s">
        <v>72</v>
      </c>
      <c r="I37" s="876" t="s">
        <v>87</v>
      </c>
    </row>
    <row r="38" spans="1:9" ht="14.25">
      <c r="A38" s="18"/>
      <c r="B38" s="18"/>
      <c r="C38" s="35"/>
      <c r="D38" s="25"/>
      <c r="E38" s="34" t="s">
        <v>11</v>
      </c>
      <c r="F38" s="23"/>
      <c r="G38" s="238" t="s">
        <v>25</v>
      </c>
      <c r="H38" s="90"/>
      <c r="I38" s="876"/>
    </row>
    <row r="39" spans="1:9">
      <c r="C39" s="83"/>
      <c r="D39" s="85"/>
      <c r="E39" s="99"/>
      <c r="F39" s="87">
        <v>2</v>
      </c>
      <c r="G39" s="88" t="s">
        <v>319</v>
      </c>
      <c r="H39" s="89" t="s">
        <v>72</v>
      </c>
      <c r="I39" s="876" t="s">
        <v>845</v>
      </c>
    </row>
    <row r="40" spans="1:9" ht="14.25">
      <c r="A40" s="18"/>
      <c r="B40" s="18"/>
      <c r="C40" s="35"/>
      <c r="D40" s="25"/>
      <c r="E40" s="34"/>
      <c r="F40" s="23"/>
      <c r="G40" s="24" t="s">
        <v>26</v>
      </c>
      <c r="H40" s="90"/>
      <c r="I40" s="876"/>
    </row>
    <row r="41" spans="1:9">
      <c r="C41" s="83"/>
      <c r="D41" s="85"/>
      <c r="E41" s="99"/>
      <c r="F41" s="191">
        <v>3</v>
      </c>
      <c r="G41" s="223" t="s">
        <v>537</v>
      </c>
      <c r="H41" s="175" t="s">
        <v>72</v>
      </c>
      <c r="I41" s="876" t="s">
        <v>87</v>
      </c>
    </row>
    <row r="42" spans="1:9" ht="14.25">
      <c r="A42" s="18"/>
      <c r="B42" s="18"/>
      <c r="C42" s="35"/>
      <c r="D42" s="25"/>
      <c r="E42" s="31"/>
      <c r="F42" s="189"/>
      <c r="G42" s="224" t="s">
        <v>360</v>
      </c>
      <c r="H42" s="225"/>
      <c r="I42" s="876"/>
    </row>
    <row r="43" spans="1:9">
      <c r="C43" s="83"/>
      <c r="D43" s="85"/>
      <c r="E43" s="91" t="s">
        <v>538</v>
      </c>
      <c r="F43" s="191">
        <v>4</v>
      </c>
      <c r="G43" s="223" t="s">
        <v>539</v>
      </c>
      <c r="H43" s="175" t="s">
        <v>73</v>
      </c>
      <c r="I43" s="876" t="s">
        <v>87</v>
      </c>
    </row>
    <row r="44" spans="1:9" ht="24">
      <c r="A44" s="18"/>
      <c r="B44" s="18"/>
      <c r="C44" s="35"/>
      <c r="D44" s="25"/>
      <c r="E44" s="32" t="s">
        <v>12</v>
      </c>
      <c r="F44" s="189"/>
      <c r="G44" s="224" t="s">
        <v>268</v>
      </c>
      <c r="H44" s="225"/>
      <c r="I44" s="876"/>
    </row>
    <row r="45" spans="1:9" ht="40.5" customHeight="1">
      <c r="C45" s="83"/>
      <c r="D45" s="85"/>
      <c r="E45" s="92"/>
      <c r="F45" s="191">
        <v>5</v>
      </c>
      <c r="G45" s="223" t="s">
        <v>540</v>
      </c>
      <c r="H45" s="175" t="s">
        <v>254</v>
      </c>
      <c r="I45" s="876" t="s">
        <v>87</v>
      </c>
    </row>
    <row r="46" spans="1:9" ht="24">
      <c r="A46" s="18"/>
      <c r="B46" s="18"/>
      <c r="C46" s="35"/>
      <c r="D46" s="25"/>
      <c r="E46" s="32"/>
      <c r="F46" s="189"/>
      <c r="G46" s="224" t="s">
        <v>269</v>
      </c>
      <c r="H46" s="225"/>
      <c r="I46" s="876"/>
    </row>
    <row r="47" spans="1:9">
      <c r="C47" s="83"/>
      <c r="D47" s="85"/>
      <c r="E47" s="92"/>
      <c r="F47" s="191">
        <v>6</v>
      </c>
      <c r="G47" s="223" t="s">
        <v>541</v>
      </c>
      <c r="H47" s="175" t="s">
        <v>74</v>
      </c>
      <c r="I47" s="876" t="s">
        <v>87</v>
      </c>
    </row>
    <row r="48" spans="1:9" ht="14.25">
      <c r="A48" s="18"/>
      <c r="B48" s="18"/>
      <c r="C48" s="35"/>
      <c r="D48" s="25"/>
      <c r="E48" s="32"/>
      <c r="F48" s="189"/>
      <c r="G48" s="224" t="s">
        <v>270</v>
      </c>
      <c r="H48" s="225"/>
      <c r="I48" s="876"/>
    </row>
    <row r="49" spans="1:9">
      <c r="C49" s="83"/>
      <c r="D49" s="85"/>
      <c r="E49" s="92"/>
      <c r="F49" s="191">
        <v>7</v>
      </c>
      <c r="G49" s="223" t="s">
        <v>542</v>
      </c>
      <c r="H49" s="175"/>
      <c r="I49" s="100" t="s">
        <v>87</v>
      </c>
    </row>
    <row r="50" spans="1:9" ht="39" customHeight="1">
      <c r="C50" s="83"/>
      <c r="D50" s="85"/>
      <c r="E50" s="92"/>
      <c r="F50" s="183"/>
      <c r="G50" s="228" t="s">
        <v>543</v>
      </c>
      <c r="H50" s="175" t="s">
        <v>252</v>
      </c>
      <c r="I50" s="368" t="s">
        <v>87</v>
      </c>
    </row>
    <row r="51" spans="1:9" ht="29.25" customHeight="1">
      <c r="C51" s="83"/>
      <c r="D51" s="85"/>
      <c r="E51" s="92"/>
      <c r="F51" s="183"/>
      <c r="G51" s="228" t="s">
        <v>290</v>
      </c>
      <c r="H51" s="175" t="s">
        <v>253</v>
      </c>
      <c r="I51" s="368" t="s">
        <v>87</v>
      </c>
    </row>
    <row r="52" spans="1:9" ht="26.25" customHeight="1">
      <c r="C52" s="83"/>
      <c r="D52" s="85"/>
      <c r="E52" s="92"/>
      <c r="F52" s="183"/>
      <c r="G52" s="228" t="s">
        <v>544</v>
      </c>
      <c r="H52" s="175" t="s">
        <v>75</v>
      </c>
      <c r="I52" s="368" t="s">
        <v>87</v>
      </c>
    </row>
    <row r="53" spans="1:9" ht="69.75" customHeight="1">
      <c r="C53" s="83"/>
      <c r="D53" s="85"/>
      <c r="E53" s="92"/>
      <c r="F53" s="191">
        <v>8</v>
      </c>
      <c r="G53" s="223" t="s">
        <v>545</v>
      </c>
      <c r="H53" s="883" t="s">
        <v>207</v>
      </c>
      <c r="I53" s="100" t="s">
        <v>208</v>
      </c>
    </row>
    <row r="54" spans="1:9">
      <c r="C54" s="83"/>
      <c r="D54" s="85"/>
      <c r="E54" s="92"/>
      <c r="F54" s="183"/>
      <c r="G54" s="228" t="s">
        <v>546</v>
      </c>
      <c r="H54" s="768"/>
      <c r="I54" s="368"/>
    </row>
    <row r="55" spans="1:9" ht="34.5" customHeight="1">
      <c r="C55" s="83"/>
      <c r="D55" s="85"/>
      <c r="E55" s="92"/>
      <c r="F55" s="183"/>
      <c r="G55" s="228" t="s">
        <v>547</v>
      </c>
      <c r="H55" s="768"/>
      <c r="I55" s="368"/>
    </row>
    <row r="56" spans="1:9" ht="34.5" customHeight="1">
      <c r="C56" s="83"/>
      <c r="D56" s="85"/>
      <c r="E56" s="92"/>
      <c r="F56" s="183"/>
      <c r="G56" s="228" t="s">
        <v>548</v>
      </c>
      <c r="H56" s="788"/>
      <c r="I56" s="368"/>
    </row>
    <row r="57" spans="1:9" ht="14.25">
      <c r="A57" s="18"/>
      <c r="B57" s="18"/>
      <c r="C57" s="35"/>
      <c r="D57" s="25"/>
      <c r="E57" s="32"/>
      <c r="F57" s="191">
        <v>9</v>
      </c>
      <c r="G57" s="223" t="s">
        <v>533</v>
      </c>
      <c r="H57" s="369" t="s">
        <v>255</v>
      </c>
      <c r="I57" s="876" t="s">
        <v>87</v>
      </c>
    </row>
    <row r="58" spans="1:9" ht="14.25">
      <c r="A58" s="18"/>
      <c r="B58" s="18"/>
      <c r="C58" s="35"/>
      <c r="D58" s="25"/>
      <c r="E58" s="32"/>
      <c r="F58" s="227"/>
      <c r="G58" s="224" t="s">
        <v>271</v>
      </c>
      <c r="H58" s="371"/>
      <c r="I58" s="876"/>
    </row>
    <row r="59" spans="1:9" ht="14.25">
      <c r="A59" s="18"/>
      <c r="B59" s="18"/>
      <c r="C59" s="35"/>
      <c r="D59" s="25"/>
      <c r="E59" s="32"/>
      <c r="F59" s="191">
        <v>10</v>
      </c>
      <c r="G59" s="223" t="s">
        <v>549</v>
      </c>
      <c r="H59" s="369" t="s">
        <v>185</v>
      </c>
      <c r="I59" s="876" t="s">
        <v>87</v>
      </c>
    </row>
    <row r="60" spans="1:9" ht="14.25">
      <c r="A60" s="18"/>
      <c r="B60" s="18"/>
      <c r="C60" s="35"/>
      <c r="D60" s="25"/>
      <c r="E60" s="32"/>
      <c r="F60" s="227"/>
      <c r="G60" s="224" t="s">
        <v>272</v>
      </c>
      <c r="H60" s="371"/>
      <c r="I60" s="876"/>
    </row>
    <row r="61" spans="1:9" ht="14.25">
      <c r="A61" s="18"/>
      <c r="B61" s="18"/>
      <c r="C61" s="35"/>
      <c r="D61" s="25"/>
      <c r="E61" s="32"/>
      <c r="F61" s="191">
        <v>11</v>
      </c>
      <c r="G61" s="223" t="s">
        <v>550</v>
      </c>
      <c r="H61" s="369" t="s">
        <v>209</v>
      </c>
      <c r="I61" s="876" t="s">
        <v>87</v>
      </c>
    </row>
    <row r="62" spans="1:9" ht="14.25">
      <c r="A62" s="18"/>
      <c r="B62" s="18"/>
      <c r="C62" s="35"/>
      <c r="D62" s="25"/>
      <c r="E62" s="32"/>
      <c r="F62" s="227"/>
      <c r="G62" s="224" t="s">
        <v>273</v>
      </c>
      <c r="H62" s="371"/>
      <c r="I62" s="876"/>
    </row>
    <row r="63" spans="1:9" ht="30" customHeight="1">
      <c r="C63" s="83"/>
      <c r="D63" s="85"/>
      <c r="E63" s="92"/>
      <c r="F63" s="226">
        <v>12</v>
      </c>
      <c r="G63" s="223" t="s">
        <v>551</v>
      </c>
      <c r="H63" s="175" t="s">
        <v>256</v>
      </c>
      <c r="I63" s="876" t="s">
        <v>87</v>
      </c>
    </row>
    <row r="64" spans="1:9" ht="24">
      <c r="A64" s="18"/>
      <c r="B64" s="18"/>
      <c r="C64" s="35"/>
      <c r="D64" s="25"/>
      <c r="E64" s="32"/>
      <c r="F64" s="189"/>
      <c r="G64" s="224" t="s">
        <v>274</v>
      </c>
      <c r="H64" s="225"/>
      <c r="I64" s="876"/>
    </row>
    <row r="65" spans="1:9">
      <c r="C65" s="83"/>
      <c r="D65" s="85"/>
      <c r="E65" s="92"/>
      <c r="F65" s="191">
        <v>13</v>
      </c>
      <c r="G65" s="223" t="s">
        <v>186</v>
      </c>
      <c r="H65" s="369" t="s">
        <v>72</v>
      </c>
      <c r="I65" s="874" t="s">
        <v>87</v>
      </c>
    </row>
    <row r="66" spans="1:9">
      <c r="C66" s="83"/>
      <c r="D66" s="85"/>
      <c r="E66" s="32"/>
      <c r="F66" s="202"/>
      <c r="G66" s="224" t="s">
        <v>97</v>
      </c>
      <c r="H66" s="371"/>
      <c r="I66" s="875"/>
    </row>
    <row r="67" spans="1:9">
      <c r="C67" s="83"/>
      <c r="D67" s="85"/>
      <c r="E67" s="32"/>
      <c r="F67" s="202"/>
      <c r="G67" s="252" t="s">
        <v>552</v>
      </c>
      <c r="H67" s="369" t="s">
        <v>72</v>
      </c>
      <c r="I67" s="880" t="s">
        <v>84</v>
      </c>
    </row>
    <row r="68" spans="1:9">
      <c r="C68" s="83"/>
      <c r="D68" s="85"/>
      <c r="E68" s="32"/>
      <c r="F68" s="202"/>
      <c r="G68" s="253"/>
      <c r="H68" s="371"/>
      <c r="I68" s="875"/>
    </row>
    <row r="69" spans="1:9">
      <c r="C69" s="83"/>
      <c r="D69" s="85"/>
      <c r="E69" s="32"/>
      <c r="F69" s="202"/>
      <c r="G69" s="254" t="s">
        <v>198</v>
      </c>
      <c r="H69" s="369" t="s">
        <v>72</v>
      </c>
      <c r="I69" s="874"/>
    </row>
    <row r="70" spans="1:9">
      <c r="C70" s="90"/>
      <c r="D70" s="98"/>
      <c r="E70" s="33"/>
      <c r="F70" s="23"/>
      <c r="G70" s="107"/>
      <c r="H70" s="103"/>
      <c r="I70" s="875"/>
    </row>
    <row r="71" spans="1:9" ht="14.25">
      <c r="A71" s="18"/>
      <c r="B71" s="236"/>
      <c r="C71" s="30"/>
      <c r="D71" s="19"/>
      <c r="E71" s="30"/>
      <c r="F71" s="20"/>
      <c r="G71" s="21"/>
      <c r="I71" s="37" t="s">
        <v>280</v>
      </c>
    </row>
    <row r="72" spans="1:9" ht="14.25">
      <c r="A72" s="873" t="s">
        <v>101</v>
      </c>
      <c r="B72" s="873"/>
      <c r="C72" s="873"/>
      <c r="D72" s="873"/>
      <c r="E72" s="873"/>
      <c r="F72" s="873"/>
      <c r="G72" s="873"/>
      <c r="H72" s="873"/>
      <c r="I72" s="873"/>
    </row>
    <row r="73" spans="1:9" ht="14.25">
      <c r="A73" s="18"/>
      <c r="B73" s="1" t="s">
        <v>71</v>
      </c>
      <c r="C73" s="30"/>
      <c r="D73" s="19"/>
      <c r="E73" s="30"/>
      <c r="F73" s="20"/>
      <c r="G73" s="21"/>
    </row>
    <row r="74" spans="1:9" ht="26.25" thickBot="1">
      <c r="C74" s="877" t="s">
        <v>283</v>
      </c>
      <c r="D74" s="878"/>
      <c r="E74" s="879"/>
      <c r="F74" s="79" t="s">
        <v>13</v>
      </c>
      <c r="G74" s="80" t="s">
        <v>223</v>
      </c>
      <c r="H74" s="81" t="s">
        <v>525</v>
      </c>
      <c r="I74" s="82" t="s">
        <v>88</v>
      </c>
    </row>
    <row r="75" spans="1:9" ht="16.5" thickTop="1">
      <c r="C75" s="89">
        <v>3</v>
      </c>
      <c r="D75" s="93" t="s">
        <v>553</v>
      </c>
      <c r="E75" s="94"/>
      <c r="F75" s="95"/>
      <c r="G75" s="96"/>
      <c r="H75" s="94"/>
      <c r="I75" s="97"/>
    </row>
    <row r="76" spans="1:9">
      <c r="C76" s="83"/>
      <c r="D76" s="85"/>
      <c r="E76" s="86" t="s">
        <v>527</v>
      </c>
      <c r="F76" s="87">
        <v>1</v>
      </c>
      <c r="G76" s="223" t="s">
        <v>554</v>
      </c>
      <c r="H76" s="89" t="s">
        <v>72</v>
      </c>
      <c r="I76" s="876" t="s">
        <v>87</v>
      </c>
    </row>
    <row r="77" spans="1:9" ht="14.25">
      <c r="A77" s="18"/>
      <c r="B77" s="18"/>
      <c r="C77" s="35"/>
      <c r="D77" s="25"/>
      <c r="E77" s="31" t="s">
        <v>11</v>
      </c>
      <c r="F77" s="23"/>
      <c r="G77" s="224" t="s">
        <v>402</v>
      </c>
      <c r="H77" s="90"/>
      <c r="I77" s="876"/>
    </row>
    <row r="78" spans="1:9" ht="26.25">
      <c r="C78" s="83"/>
      <c r="D78" s="85"/>
      <c r="E78" s="91" t="s">
        <v>538</v>
      </c>
      <c r="F78" s="191">
        <v>2</v>
      </c>
      <c r="G78" s="223" t="s">
        <v>399</v>
      </c>
      <c r="H78" s="175" t="s">
        <v>76</v>
      </c>
      <c r="I78" s="368" t="s">
        <v>87</v>
      </c>
    </row>
    <row r="79" spans="1:9" ht="28.5">
      <c r="C79" s="83"/>
      <c r="D79" s="85"/>
      <c r="E79" s="32" t="s">
        <v>12</v>
      </c>
      <c r="F79" s="191">
        <v>3</v>
      </c>
      <c r="G79" s="223" t="s">
        <v>555</v>
      </c>
      <c r="H79" s="175" t="s">
        <v>400</v>
      </c>
      <c r="I79" s="876" t="s">
        <v>87</v>
      </c>
    </row>
    <row r="80" spans="1:9" ht="24">
      <c r="A80" s="18"/>
      <c r="B80" s="18"/>
      <c r="C80" s="35"/>
      <c r="D80" s="25"/>
      <c r="E80" s="32"/>
      <c r="F80" s="202"/>
      <c r="G80" s="255" t="s">
        <v>401</v>
      </c>
      <c r="H80" s="181"/>
      <c r="I80" s="876"/>
    </row>
    <row r="81" spans="1:9" ht="27.75">
      <c r="C81" s="83"/>
      <c r="D81" s="85"/>
      <c r="E81" s="92"/>
      <c r="F81" s="191">
        <v>4</v>
      </c>
      <c r="G81" s="223" t="s">
        <v>556</v>
      </c>
      <c r="H81" s="175" t="s">
        <v>363</v>
      </c>
      <c r="I81" s="876" t="s">
        <v>87</v>
      </c>
    </row>
    <row r="82" spans="1:9" ht="24">
      <c r="A82" s="18"/>
      <c r="B82" s="18"/>
      <c r="C82" s="35"/>
      <c r="D82" s="25"/>
      <c r="E82" s="32"/>
      <c r="F82" s="202"/>
      <c r="G82" s="255" t="s">
        <v>557</v>
      </c>
      <c r="H82" s="181"/>
      <c r="I82" s="876"/>
    </row>
    <row r="83" spans="1:9">
      <c r="C83" s="83"/>
      <c r="D83" s="85"/>
      <c r="E83" s="92"/>
      <c r="F83" s="191">
        <v>5</v>
      </c>
      <c r="G83" s="223" t="s">
        <v>558</v>
      </c>
      <c r="H83" s="175" t="s">
        <v>364</v>
      </c>
      <c r="I83" s="876" t="s">
        <v>87</v>
      </c>
    </row>
    <row r="84" spans="1:9" ht="14.25">
      <c r="A84" s="18"/>
      <c r="B84" s="18"/>
      <c r="C84" s="35"/>
      <c r="D84" s="25"/>
      <c r="E84" s="32"/>
      <c r="F84" s="202"/>
      <c r="G84" s="255" t="s">
        <v>365</v>
      </c>
      <c r="H84" s="181"/>
      <c r="I84" s="876"/>
    </row>
    <row r="85" spans="1:9">
      <c r="C85" s="83"/>
      <c r="D85" s="85"/>
      <c r="E85" s="92"/>
      <c r="F85" s="191">
        <v>6</v>
      </c>
      <c r="G85" s="223" t="s">
        <v>186</v>
      </c>
      <c r="H85" s="369" t="s">
        <v>72</v>
      </c>
      <c r="I85" s="874" t="s">
        <v>87</v>
      </c>
    </row>
    <row r="86" spans="1:9">
      <c r="C86" s="83"/>
      <c r="D86" s="85"/>
      <c r="E86" s="32"/>
      <c r="F86" s="296"/>
      <c r="G86" s="24" t="s">
        <v>210</v>
      </c>
      <c r="H86" s="103"/>
      <c r="I86" s="875"/>
    </row>
    <row r="87" spans="1:9" ht="15.75" customHeight="1">
      <c r="C87" s="83"/>
      <c r="D87" s="85"/>
      <c r="E87" s="32"/>
      <c r="F87" s="26"/>
      <c r="G87" s="104" t="s">
        <v>534</v>
      </c>
      <c r="H87" s="91" t="s">
        <v>72</v>
      </c>
      <c r="I87" s="880" t="s">
        <v>84</v>
      </c>
    </row>
    <row r="88" spans="1:9">
      <c r="C88" s="83"/>
      <c r="D88" s="85"/>
      <c r="E88" s="32"/>
      <c r="F88" s="26"/>
      <c r="G88" s="105"/>
      <c r="H88" s="103"/>
      <c r="I88" s="875"/>
    </row>
    <row r="89" spans="1:9">
      <c r="C89" s="83"/>
      <c r="D89" s="85"/>
      <c r="E89" s="32"/>
      <c r="F89" s="26"/>
      <c r="G89" s="40" t="s">
        <v>98</v>
      </c>
      <c r="H89" s="91" t="s">
        <v>72</v>
      </c>
      <c r="I89" s="874"/>
    </row>
    <row r="90" spans="1:9">
      <c r="C90" s="90"/>
      <c r="D90" s="98"/>
      <c r="E90" s="33"/>
      <c r="F90" s="23"/>
      <c r="G90" s="106"/>
      <c r="H90" s="103"/>
      <c r="I90" s="875"/>
    </row>
    <row r="91" spans="1:9">
      <c r="C91" s="181">
        <v>4</v>
      </c>
      <c r="D91" s="180" t="s">
        <v>559</v>
      </c>
      <c r="E91" s="210"/>
      <c r="F91" s="211"/>
      <c r="G91" s="212"/>
      <c r="I91" s="85"/>
    </row>
    <row r="92" spans="1:9">
      <c r="C92" s="181"/>
      <c r="D92" s="180" t="s">
        <v>211</v>
      </c>
      <c r="E92" s="210"/>
      <c r="F92" s="211"/>
      <c r="G92" s="212"/>
      <c r="I92" s="85"/>
    </row>
    <row r="93" spans="1:9">
      <c r="C93" s="83"/>
      <c r="D93" s="85"/>
      <c r="E93" s="86" t="s">
        <v>527</v>
      </c>
      <c r="F93" s="191">
        <v>1</v>
      </c>
      <c r="G93" s="223" t="s">
        <v>199</v>
      </c>
      <c r="H93" s="175" t="s">
        <v>212</v>
      </c>
      <c r="I93" s="876" t="s">
        <v>87</v>
      </c>
    </row>
    <row r="94" spans="1:9" ht="14.25">
      <c r="A94" s="18"/>
      <c r="B94" s="18"/>
      <c r="C94" s="35"/>
      <c r="D94" s="25"/>
      <c r="E94" s="31" t="s">
        <v>11</v>
      </c>
      <c r="F94" s="189"/>
      <c r="G94" s="224" t="s">
        <v>213</v>
      </c>
      <c r="H94" s="225"/>
      <c r="I94" s="876"/>
    </row>
    <row r="95" spans="1:9" ht="33.75" customHeight="1">
      <c r="C95" s="83"/>
      <c r="D95" s="85"/>
      <c r="E95" s="92" t="s">
        <v>90</v>
      </c>
      <c r="F95" s="226">
        <v>2</v>
      </c>
      <c r="G95" s="223" t="s">
        <v>560</v>
      </c>
      <c r="H95" s="175" t="s">
        <v>191</v>
      </c>
      <c r="I95" s="876" t="s">
        <v>87</v>
      </c>
    </row>
    <row r="96" spans="1:9" ht="27" customHeight="1">
      <c r="C96" s="90"/>
      <c r="D96" s="98"/>
      <c r="E96" s="33" t="s">
        <v>12</v>
      </c>
      <c r="F96" s="189"/>
      <c r="G96" s="224" t="s">
        <v>214</v>
      </c>
      <c r="H96" s="225"/>
      <c r="I96" s="876"/>
    </row>
    <row r="97" spans="1:7">
      <c r="B97" s="29" t="s">
        <v>561</v>
      </c>
    </row>
    <row r="98" spans="1:7" ht="14.25">
      <c r="A98" s="18"/>
      <c r="B98" s="29" t="s">
        <v>215</v>
      </c>
      <c r="C98" s="30"/>
      <c r="D98" s="19"/>
      <c r="E98" s="30"/>
      <c r="F98" s="20"/>
      <c r="G98" s="21"/>
    </row>
    <row r="99" spans="1:7">
      <c r="B99" s="280" t="s">
        <v>972</v>
      </c>
    </row>
    <row r="100" spans="1:7" ht="14.25">
      <c r="A100" s="18"/>
      <c r="B100" s="280" t="s">
        <v>914</v>
      </c>
      <c r="C100" s="30"/>
      <c r="D100" s="19"/>
      <c r="E100" s="30"/>
      <c r="F100" s="20"/>
      <c r="G100" s="21"/>
    </row>
    <row r="101" spans="1:7">
      <c r="B101" s="280" t="s">
        <v>973</v>
      </c>
    </row>
    <row r="157" spans="1:9" ht="14.25">
      <c r="A157" s="873" t="s">
        <v>102</v>
      </c>
      <c r="B157" s="873"/>
      <c r="C157" s="873"/>
      <c r="D157" s="873"/>
      <c r="E157" s="873"/>
      <c r="F157" s="873"/>
      <c r="G157" s="873"/>
      <c r="H157" s="873"/>
      <c r="I157" s="873"/>
    </row>
    <row r="158" spans="1:9" ht="14.25">
      <c r="A158" s="18"/>
      <c r="B158" s="29"/>
      <c r="C158" s="30"/>
      <c r="D158" s="19"/>
      <c r="E158" s="30"/>
      <c r="F158" s="20"/>
      <c r="G158" s="21"/>
    </row>
    <row r="159" spans="1:9" s="51" customFormat="1" ht="12.75"/>
  </sheetData>
  <sheetProtection algorithmName="SHA-512" hashValue="uETl7Rdpono/Pchv2Md8TryHcLhqizc+/1jnHUhMXl6Yo71O2KmxStsJtwtFQrFVs/1cjGMX3uhT1MkF7THtvg==" saltValue="fidkx221YemRtC7dxTOPdg==" spinCount="100000" sheet="1" selectLockedCells="1"/>
  <mergeCells count="35">
    <mergeCell ref="I67:I68"/>
    <mergeCell ref="I45:I46"/>
    <mergeCell ref="I47:I48"/>
    <mergeCell ref="H53:H56"/>
    <mergeCell ref="I57:I58"/>
    <mergeCell ref="I59:I60"/>
    <mergeCell ref="I61:I62"/>
    <mergeCell ref="I63:I64"/>
    <mergeCell ref="I65:I66"/>
    <mergeCell ref="B3:I3"/>
    <mergeCell ref="I43:I44"/>
    <mergeCell ref="C15:E15"/>
    <mergeCell ref="I17:I18"/>
    <mergeCell ref="H19:H25"/>
    <mergeCell ref="I26:I27"/>
    <mergeCell ref="I28:I29"/>
    <mergeCell ref="I30:I31"/>
    <mergeCell ref="I32:I33"/>
    <mergeCell ref="I34:I35"/>
    <mergeCell ref="I37:I38"/>
    <mergeCell ref="I39:I40"/>
    <mergeCell ref="I41:I42"/>
    <mergeCell ref="A72:I72"/>
    <mergeCell ref="I69:I70"/>
    <mergeCell ref="I95:I96"/>
    <mergeCell ref="A157:I157"/>
    <mergeCell ref="C74:E74"/>
    <mergeCell ref="I85:I86"/>
    <mergeCell ref="I87:I88"/>
    <mergeCell ref="I81:I82"/>
    <mergeCell ref="I83:I84"/>
    <mergeCell ref="I76:I77"/>
    <mergeCell ref="I79:I80"/>
    <mergeCell ref="I89:I90"/>
    <mergeCell ref="I93:I94"/>
  </mergeCells>
  <phoneticPr fontId="7"/>
  <conditionalFormatting sqref="I17 I76 I37 I41 I39">
    <cfRule type="cellIs" dxfId="164" priority="23" stopIfTrue="1" operator="equal">
      <formula>"X"</formula>
    </cfRule>
  </conditionalFormatting>
  <conditionalFormatting sqref="I43 I50:I52 I47 I45 I63 I78:I79">
    <cfRule type="cellIs" dxfId="163" priority="22" operator="equal">
      <formula>"X"</formula>
    </cfRule>
  </conditionalFormatting>
  <conditionalFormatting sqref="I85">
    <cfRule type="cellIs" dxfId="162" priority="21" operator="equal">
      <formula>"X"</formula>
    </cfRule>
  </conditionalFormatting>
  <conditionalFormatting sqref="I65">
    <cfRule type="cellIs" dxfId="161" priority="20" operator="equal">
      <formula>"X"</formula>
    </cfRule>
  </conditionalFormatting>
  <conditionalFormatting sqref="I30">
    <cfRule type="cellIs" dxfId="160" priority="19" operator="equal">
      <formula>"X"</formula>
    </cfRule>
  </conditionalFormatting>
  <conditionalFormatting sqref="I26">
    <cfRule type="cellIs" dxfId="159" priority="18" operator="equal">
      <formula>"X"</formula>
    </cfRule>
  </conditionalFormatting>
  <conditionalFormatting sqref="I28">
    <cfRule type="cellIs" dxfId="158" priority="17" operator="equal">
      <formula>"X"</formula>
    </cfRule>
  </conditionalFormatting>
  <conditionalFormatting sqref="I57">
    <cfRule type="cellIs" dxfId="157" priority="16" operator="equal">
      <formula>"X"</formula>
    </cfRule>
  </conditionalFormatting>
  <conditionalFormatting sqref="I59">
    <cfRule type="cellIs" dxfId="156" priority="15" operator="equal">
      <formula>"X"</formula>
    </cfRule>
  </conditionalFormatting>
  <conditionalFormatting sqref="I61">
    <cfRule type="cellIs" dxfId="155" priority="14" operator="equal">
      <formula>"X"</formula>
    </cfRule>
  </conditionalFormatting>
  <conditionalFormatting sqref="I93">
    <cfRule type="cellIs" dxfId="154" priority="12" stopIfTrue="1" operator="equal">
      <formula>"X"</formula>
    </cfRule>
  </conditionalFormatting>
  <conditionalFormatting sqref="I95">
    <cfRule type="cellIs" dxfId="153" priority="11" operator="equal">
      <formula>"X"</formula>
    </cfRule>
  </conditionalFormatting>
  <conditionalFormatting sqref="I20:I21 I25">
    <cfRule type="cellIs" dxfId="152" priority="10" operator="equal">
      <formula>"X"</formula>
    </cfRule>
  </conditionalFormatting>
  <conditionalFormatting sqref="I22 I24">
    <cfRule type="cellIs" dxfId="151" priority="9" operator="equal">
      <formula>"X"</formula>
    </cfRule>
  </conditionalFormatting>
  <conditionalFormatting sqref="I55">
    <cfRule type="cellIs" dxfId="150" priority="6" operator="equal">
      <formula>"X"</formula>
    </cfRule>
  </conditionalFormatting>
  <conditionalFormatting sqref="I23">
    <cfRule type="cellIs" dxfId="149" priority="8" operator="equal">
      <formula>"X"</formula>
    </cfRule>
  </conditionalFormatting>
  <conditionalFormatting sqref="I54 I56">
    <cfRule type="cellIs" dxfId="148" priority="7" operator="equal">
      <formula>"X"</formula>
    </cfRule>
  </conditionalFormatting>
  <conditionalFormatting sqref="I81">
    <cfRule type="cellIs" dxfId="147" priority="5" operator="equal">
      <formula>"X"</formula>
    </cfRule>
  </conditionalFormatting>
  <conditionalFormatting sqref="I83">
    <cfRule type="cellIs" dxfId="146" priority="4" operator="equal">
      <formula>"X"</formula>
    </cfRule>
  </conditionalFormatting>
  <dataValidations count="2">
    <dataValidation type="list" allowBlank="1" showInputMessage="1" showErrorMessage="1" sqref="I32:I33 I67:I68 I87:I88" xr:uid="{00000000-0002-0000-0300-000000000000}">
      <formula1>"&lt; AnnexIII / AnnexIV &gt;, AnnexIII, AnnexIV"</formula1>
    </dataValidation>
    <dataValidation type="list" allowBlank="1" showInputMessage="1" showErrorMessage="1" sqref="I30 I39 I76 I50:I52 I47 I45 I43 I41 I37 I17 I63 I65 I85 I59 I61 I93 I78:I79 I20:I28 I54:I57 I81 I83 I95:I96" xr:uid="{00000000-0002-0000-0300-000001000000}">
      <formula1>"　,X"</formula1>
    </dataValidation>
  </dataValidations>
  <printOptions horizontalCentered="1"/>
  <pageMargins left="0.59055118110236227" right="0.59055118110236227" top="0.59055118110236227" bottom="0.59055118110236227" header="0.31496062992125984" footer="0.31496062992125984"/>
  <pageSetup paperSize="9" scale="55" fitToHeight="2" orientation="portrait" r:id="rId1"/>
  <headerFooter>
    <oddFooter>&amp;LA(appendix.).RoHS&amp;RV.15.0 (revised on Oct. 2023)</oddFooter>
  </headerFooter>
  <rowBreaks count="1" manualBreakCount="1">
    <brk id="72" max="8"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00B0F0"/>
  </sheetPr>
  <dimension ref="A1:I209"/>
  <sheetViews>
    <sheetView showGridLines="0" view="pageBreakPreview" zoomScale="90" zoomScaleNormal="100" zoomScaleSheetLayoutView="90" workbookViewId="0">
      <selection activeCell="H8" sqref="H8:H9"/>
    </sheetView>
  </sheetViews>
  <sheetFormatPr defaultColWidth="0.85546875" defaultRowHeight="15.75"/>
  <cols>
    <col min="1" max="1" width="1.85546875" style="72" customWidth="1"/>
    <col min="2" max="2" width="1.85546875" style="74" customWidth="1"/>
    <col min="3" max="3" width="4" style="75" bestFit="1" customWidth="1"/>
    <col min="4" max="4" width="1.42578125" style="76" customWidth="1"/>
    <col min="5" max="5" width="13" style="75" customWidth="1"/>
    <col min="6" max="6" width="5.42578125" style="77" bestFit="1" customWidth="1"/>
    <col min="7" max="7" width="107.140625" style="78" customWidth="1"/>
    <col min="8" max="8" width="13.140625" style="76" customWidth="1"/>
    <col min="9" max="9" width="8.28515625" style="76" customWidth="1"/>
    <col min="10" max="16384" width="0.85546875" style="76"/>
  </cols>
  <sheetData>
    <row r="1" spans="1:8">
      <c r="H1" s="9" t="str">
        <f>A.RoHS!G1</f>
        <v xml:space="preserve"> </v>
      </c>
    </row>
    <row r="2" spans="1:8">
      <c r="A2" s="72" t="s">
        <v>463</v>
      </c>
    </row>
    <row r="3" spans="1:8" ht="14.25">
      <c r="A3" s="18"/>
      <c r="B3" s="18"/>
      <c r="C3" s="30"/>
      <c r="D3" s="19"/>
      <c r="E3" s="30"/>
      <c r="F3" s="20"/>
      <c r="G3" s="21"/>
    </row>
    <row r="4" spans="1:8">
      <c r="B4" s="73" t="s">
        <v>295</v>
      </c>
    </row>
    <row r="5" spans="1:8" ht="14.25">
      <c r="A5" s="18"/>
      <c r="B5" s="18" t="s">
        <v>106</v>
      </c>
      <c r="C5" s="30"/>
      <c r="D5" s="19"/>
      <c r="E5" s="30"/>
      <c r="F5" s="20"/>
      <c r="G5" s="21"/>
      <c r="H5" s="107"/>
    </row>
    <row r="6" spans="1:8" ht="26.25" thickBot="1">
      <c r="C6" s="884" t="s">
        <v>283</v>
      </c>
      <c r="D6" s="885"/>
      <c r="E6" s="886"/>
      <c r="F6" s="79" t="s">
        <v>13</v>
      </c>
      <c r="G6" s="108" t="s">
        <v>223</v>
      </c>
      <c r="H6" s="82" t="s">
        <v>88</v>
      </c>
    </row>
    <row r="7" spans="1:8" ht="16.5" thickTop="1">
      <c r="C7" s="89">
        <v>1</v>
      </c>
      <c r="D7" s="93" t="s">
        <v>310</v>
      </c>
      <c r="E7" s="94"/>
      <c r="F7" s="95"/>
      <c r="G7" s="96"/>
      <c r="H7" s="109"/>
    </row>
    <row r="8" spans="1:8">
      <c r="C8" s="83"/>
      <c r="D8" s="85"/>
      <c r="E8" s="86" t="s">
        <v>89</v>
      </c>
      <c r="F8" s="87">
        <v>1</v>
      </c>
      <c r="G8" s="110" t="s">
        <v>296</v>
      </c>
      <c r="H8" s="876" t="s">
        <v>845</v>
      </c>
    </row>
    <row r="9" spans="1:8" ht="14.25">
      <c r="A9" s="18"/>
      <c r="B9" s="18"/>
      <c r="C9" s="35"/>
      <c r="D9" s="25"/>
      <c r="E9" s="34" t="s">
        <v>11</v>
      </c>
      <c r="F9" s="23"/>
      <c r="G9" s="27" t="s">
        <v>14</v>
      </c>
      <c r="H9" s="876"/>
    </row>
    <row r="10" spans="1:8">
      <c r="C10" s="83"/>
      <c r="D10" s="85"/>
      <c r="E10" s="99"/>
      <c r="F10" s="87">
        <v>2</v>
      </c>
      <c r="G10" s="110" t="s">
        <v>464</v>
      </c>
      <c r="H10" s="876"/>
    </row>
    <row r="11" spans="1:8" ht="14.25">
      <c r="A11" s="18"/>
      <c r="B11" s="18"/>
      <c r="C11" s="35"/>
      <c r="D11" s="25"/>
      <c r="E11" s="31"/>
      <c r="F11" s="23"/>
      <c r="G11" s="27" t="s">
        <v>15</v>
      </c>
      <c r="H11" s="876"/>
    </row>
    <row r="12" spans="1:8">
      <c r="C12" s="83"/>
      <c r="D12" s="85"/>
      <c r="E12" s="91" t="s">
        <v>90</v>
      </c>
      <c r="F12" s="87">
        <v>3</v>
      </c>
      <c r="G12" s="110" t="s">
        <v>465</v>
      </c>
      <c r="H12" s="100"/>
    </row>
    <row r="13" spans="1:8" ht="14.25">
      <c r="A13" s="18"/>
      <c r="B13" s="18"/>
      <c r="C13" s="35"/>
      <c r="D13" s="25"/>
      <c r="E13" s="32" t="s">
        <v>12</v>
      </c>
      <c r="F13" s="26"/>
      <c r="G13" s="27" t="s">
        <v>16</v>
      </c>
      <c r="H13" s="102"/>
    </row>
    <row r="14" spans="1:8">
      <c r="C14" s="83"/>
      <c r="D14" s="85"/>
      <c r="E14" s="92"/>
      <c r="F14" s="101"/>
      <c r="G14" s="111" t="s">
        <v>430</v>
      </c>
      <c r="H14" s="945" t="s">
        <v>1120</v>
      </c>
    </row>
    <row r="15" spans="1:8">
      <c r="C15" s="83"/>
      <c r="D15" s="85"/>
      <c r="E15" s="92"/>
      <c r="F15" s="101"/>
      <c r="G15" s="111" t="s">
        <v>311</v>
      </c>
      <c r="H15" s="368" t="s">
        <v>87</v>
      </c>
    </row>
    <row r="16" spans="1:8">
      <c r="C16" s="83"/>
      <c r="D16" s="85"/>
      <c r="E16" s="92"/>
      <c r="F16" s="101"/>
      <c r="G16" s="111" t="s">
        <v>466</v>
      </c>
      <c r="H16" s="368" t="s">
        <v>87</v>
      </c>
    </row>
    <row r="17" spans="1:8">
      <c r="C17" s="83"/>
      <c r="D17" s="85"/>
      <c r="E17" s="92"/>
      <c r="F17" s="101"/>
      <c r="G17" s="111" t="s">
        <v>431</v>
      </c>
      <c r="H17" s="368" t="s">
        <v>87</v>
      </c>
    </row>
    <row r="18" spans="1:8">
      <c r="C18" s="89">
        <v>2</v>
      </c>
      <c r="D18" s="93" t="s">
        <v>467</v>
      </c>
      <c r="E18" s="94"/>
      <c r="F18" s="95"/>
      <c r="G18" s="96"/>
      <c r="H18" s="109"/>
    </row>
    <row r="19" spans="1:8" ht="27.75">
      <c r="C19" s="83"/>
      <c r="D19" s="85"/>
      <c r="E19" s="86" t="s">
        <v>89</v>
      </c>
      <c r="F19" s="87">
        <v>1</v>
      </c>
      <c r="G19" s="110" t="s">
        <v>468</v>
      </c>
      <c r="H19" s="876" t="s">
        <v>87</v>
      </c>
    </row>
    <row r="20" spans="1:8" ht="34.5" customHeight="1">
      <c r="A20" s="18"/>
      <c r="B20" s="18"/>
      <c r="C20" s="35"/>
      <c r="D20" s="25"/>
      <c r="E20" s="31" t="s">
        <v>11</v>
      </c>
      <c r="F20" s="23"/>
      <c r="G20" s="27" t="s">
        <v>78</v>
      </c>
      <c r="H20" s="876"/>
    </row>
    <row r="21" spans="1:8">
      <c r="C21" s="83"/>
      <c r="D21" s="85"/>
      <c r="E21" s="91" t="s">
        <v>90</v>
      </c>
      <c r="F21" s="87">
        <v>2</v>
      </c>
      <c r="G21" s="110" t="s">
        <v>469</v>
      </c>
      <c r="H21" s="876" t="s">
        <v>87</v>
      </c>
    </row>
    <row r="22" spans="1:8" ht="14.25">
      <c r="A22" s="18"/>
      <c r="B22" s="18"/>
      <c r="C22" s="35"/>
      <c r="D22" s="25"/>
      <c r="E22" s="32" t="s">
        <v>12</v>
      </c>
      <c r="F22" s="26"/>
      <c r="G22" s="28" t="s">
        <v>27</v>
      </c>
      <c r="H22" s="876"/>
    </row>
    <row r="23" spans="1:8">
      <c r="C23" s="89">
        <v>3</v>
      </c>
      <c r="D23" s="93" t="s">
        <v>470</v>
      </c>
      <c r="E23" s="94"/>
      <c r="F23" s="95"/>
      <c r="G23" s="96"/>
      <c r="H23" s="97"/>
    </row>
    <row r="24" spans="1:8">
      <c r="C24" s="83"/>
      <c r="D24" s="85"/>
      <c r="E24" s="86" t="s">
        <v>89</v>
      </c>
      <c r="F24" s="87">
        <v>1</v>
      </c>
      <c r="G24" s="643" t="s">
        <v>974</v>
      </c>
      <c r="H24" s="876" t="s">
        <v>87</v>
      </c>
    </row>
    <row r="25" spans="1:8" ht="14.25">
      <c r="A25" s="18"/>
      <c r="B25" s="18"/>
      <c r="C25" s="35"/>
      <c r="D25" s="25"/>
      <c r="E25" s="31" t="s">
        <v>11</v>
      </c>
      <c r="F25" s="23"/>
      <c r="G25" s="27" t="s">
        <v>975</v>
      </c>
      <c r="H25" s="876"/>
    </row>
    <row r="26" spans="1:8">
      <c r="C26" s="83"/>
      <c r="D26" s="85"/>
      <c r="E26" s="91" t="s">
        <v>90</v>
      </c>
      <c r="F26" s="87">
        <v>2</v>
      </c>
      <c r="G26" s="110" t="s">
        <v>432</v>
      </c>
      <c r="H26" s="876" t="s">
        <v>87</v>
      </c>
    </row>
    <row r="27" spans="1:8" ht="14.25">
      <c r="A27" s="18"/>
      <c r="B27" s="18"/>
      <c r="C27" s="35"/>
      <c r="D27" s="25"/>
      <c r="E27" s="32" t="s">
        <v>12</v>
      </c>
      <c r="F27" s="26"/>
      <c r="G27" s="28" t="s">
        <v>17</v>
      </c>
      <c r="H27" s="876"/>
    </row>
    <row r="28" spans="1:8">
      <c r="C28" s="89">
        <v>4</v>
      </c>
      <c r="D28" s="93" t="s">
        <v>471</v>
      </c>
      <c r="E28" s="94"/>
      <c r="F28" s="95"/>
      <c r="G28" s="96"/>
      <c r="H28" s="109"/>
    </row>
    <row r="29" spans="1:8" ht="28.5">
      <c r="C29" s="83"/>
      <c r="D29" s="85"/>
      <c r="E29" s="86" t="s">
        <v>89</v>
      </c>
      <c r="F29" s="87">
        <v>1</v>
      </c>
      <c r="G29" s="192" t="s">
        <v>297</v>
      </c>
      <c r="H29" s="876" t="s">
        <v>87</v>
      </c>
    </row>
    <row r="30" spans="1:8" ht="24">
      <c r="A30" s="18"/>
      <c r="B30" s="18"/>
      <c r="C30" s="35"/>
      <c r="D30" s="25"/>
      <c r="E30" s="31" t="s">
        <v>11</v>
      </c>
      <c r="F30" s="23"/>
      <c r="G30" s="193" t="s">
        <v>195</v>
      </c>
      <c r="H30" s="876"/>
    </row>
    <row r="31" spans="1:8" s="180" customFormat="1">
      <c r="A31" s="129"/>
      <c r="B31" s="174"/>
      <c r="C31" s="181"/>
      <c r="D31" s="182"/>
      <c r="E31" s="369" t="s">
        <v>180</v>
      </c>
      <c r="F31" s="191">
        <v>2</v>
      </c>
      <c r="G31" s="192" t="s">
        <v>344</v>
      </c>
      <c r="H31" s="876" t="s">
        <v>87</v>
      </c>
    </row>
    <row r="32" spans="1:8" s="180" customFormat="1" ht="14.25">
      <c r="A32" s="185"/>
      <c r="B32" s="185"/>
      <c r="C32" s="186"/>
      <c r="D32" s="187"/>
      <c r="E32" s="188" t="s">
        <v>12</v>
      </c>
      <c r="F32" s="202"/>
      <c r="G32" s="291" t="s">
        <v>308</v>
      </c>
      <c r="H32" s="876"/>
    </row>
    <row r="33" spans="1:8">
      <c r="C33" s="89">
        <v>5</v>
      </c>
      <c r="D33" s="93" t="s">
        <v>472</v>
      </c>
      <c r="E33" s="94"/>
      <c r="F33" s="95"/>
      <c r="G33" s="96"/>
      <c r="H33" s="109"/>
    </row>
    <row r="34" spans="1:8">
      <c r="C34" s="83"/>
      <c r="D34" s="85"/>
      <c r="E34" s="86" t="s">
        <v>89</v>
      </c>
      <c r="F34" s="87">
        <v>1</v>
      </c>
      <c r="G34" s="110" t="s">
        <v>473</v>
      </c>
      <c r="H34" s="876" t="s">
        <v>87</v>
      </c>
    </row>
    <row r="35" spans="1:8" ht="14.25">
      <c r="A35" s="18"/>
      <c r="B35" s="18"/>
      <c r="C35" s="35"/>
      <c r="D35" s="25"/>
      <c r="E35" s="31" t="s">
        <v>11</v>
      </c>
      <c r="F35" s="23"/>
      <c r="G35" s="27" t="s">
        <v>79</v>
      </c>
      <c r="H35" s="876"/>
    </row>
    <row r="36" spans="1:8">
      <c r="C36" s="83"/>
      <c r="D36" s="85"/>
      <c r="E36" s="91" t="s">
        <v>90</v>
      </c>
      <c r="F36" s="87">
        <v>2</v>
      </c>
      <c r="G36" s="110" t="s">
        <v>474</v>
      </c>
      <c r="H36" s="876" t="s">
        <v>87</v>
      </c>
    </row>
    <row r="37" spans="1:8" ht="14.25">
      <c r="A37" s="18"/>
      <c r="B37" s="18"/>
      <c r="C37" s="35"/>
      <c r="D37" s="25"/>
      <c r="E37" s="32" t="s">
        <v>12</v>
      </c>
      <c r="F37" s="23"/>
      <c r="G37" s="27" t="s">
        <v>18</v>
      </c>
      <c r="H37" s="876"/>
    </row>
    <row r="38" spans="1:8">
      <c r="C38" s="83"/>
      <c r="D38" s="85"/>
      <c r="E38" s="92"/>
      <c r="F38" s="87">
        <v>3</v>
      </c>
      <c r="G38" s="110" t="s">
        <v>475</v>
      </c>
      <c r="H38" s="876" t="s">
        <v>87</v>
      </c>
    </row>
    <row r="39" spans="1:8" ht="14.25">
      <c r="A39" s="18"/>
      <c r="B39" s="18"/>
      <c r="C39" s="35"/>
      <c r="D39" s="25"/>
      <c r="E39" s="32"/>
      <c r="F39" s="26"/>
      <c r="G39" s="28" t="s">
        <v>19</v>
      </c>
      <c r="H39" s="876"/>
    </row>
    <row r="40" spans="1:8">
      <c r="C40" s="89">
        <v>6</v>
      </c>
      <c r="D40" s="93" t="s">
        <v>476</v>
      </c>
      <c r="E40" s="94"/>
      <c r="F40" s="95"/>
      <c r="G40" s="96"/>
      <c r="H40" s="109"/>
    </row>
    <row r="41" spans="1:8">
      <c r="C41" s="83"/>
      <c r="D41" s="85"/>
      <c r="E41" s="86" t="s">
        <v>89</v>
      </c>
      <c r="F41" s="87">
        <v>1</v>
      </c>
      <c r="G41" s="110" t="s">
        <v>477</v>
      </c>
      <c r="H41" s="876" t="s">
        <v>87</v>
      </c>
    </row>
    <row r="42" spans="1:8" ht="14.25">
      <c r="A42" s="18"/>
      <c r="B42" s="18"/>
      <c r="C42" s="35"/>
      <c r="D42" s="25"/>
      <c r="E42" s="31" t="s">
        <v>11</v>
      </c>
      <c r="F42" s="23"/>
      <c r="G42" s="27" t="s">
        <v>417</v>
      </c>
      <c r="H42" s="876"/>
    </row>
    <row r="43" spans="1:8">
      <c r="C43" s="83"/>
      <c r="D43" s="85"/>
      <c r="E43" s="369" t="s">
        <v>180</v>
      </c>
      <c r="F43" s="191">
        <v>2</v>
      </c>
      <c r="G43" s="110" t="s">
        <v>478</v>
      </c>
      <c r="H43" s="876" t="s">
        <v>87</v>
      </c>
    </row>
    <row r="44" spans="1:8" ht="14.25">
      <c r="A44" s="18"/>
      <c r="B44" s="18"/>
      <c r="C44" s="35"/>
      <c r="D44" s="25"/>
      <c r="E44" s="188" t="s">
        <v>12</v>
      </c>
      <c r="F44" s="26"/>
      <c r="G44" s="28" t="s">
        <v>29</v>
      </c>
      <c r="H44" s="876"/>
    </row>
    <row r="45" spans="1:8">
      <c r="C45" s="89">
        <v>7</v>
      </c>
      <c r="D45" s="93" t="s">
        <v>479</v>
      </c>
      <c r="E45" s="94"/>
      <c r="F45" s="95"/>
      <c r="G45" s="96"/>
      <c r="H45" s="97"/>
    </row>
    <row r="46" spans="1:8">
      <c r="C46" s="83"/>
      <c r="D46" s="85"/>
      <c r="E46" s="86" t="s">
        <v>89</v>
      </c>
      <c r="F46" s="87">
        <v>1</v>
      </c>
      <c r="G46" s="110" t="s">
        <v>477</v>
      </c>
      <c r="H46" s="876" t="s">
        <v>87</v>
      </c>
    </row>
    <row r="47" spans="1:8" ht="14.25">
      <c r="A47" s="18"/>
      <c r="B47" s="18"/>
      <c r="C47" s="35"/>
      <c r="D47" s="25"/>
      <c r="E47" s="31" t="s">
        <v>11</v>
      </c>
      <c r="F47" s="23"/>
      <c r="G47" s="27" t="s">
        <v>20</v>
      </c>
      <c r="H47" s="876"/>
    </row>
    <row r="48" spans="1:8">
      <c r="C48" s="83"/>
      <c r="D48" s="85"/>
      <c r="E48" s="91" t="s">
        <v>90</v>
      </c>
      <c r="F48" s="87">
        <v>2</v>
      </c>
      <c r="G48" s="110" t="s">
        <v>480</v>
      </c>
      <c r="H48" s="876" t="s">
        <v>87</v>
      </c>
    </row>
    <row r="49" spans="1:8" ht="14.25">
      <c r="A49" s="18"/>
      <c r="B49" s="18"/>
      <c r="C49" s="35"/>
      <c r="D49" s="25"/>
      <c r="E49" s="32" t="s">
        <v>12</v>
      </c>
      <c r="F49" s="26"/>
      <c r="G49" s="28" t="s">
        <v>21</v>
      </c>
      <c r="H49" s="876"/>
    </row>
    <row r="50" spans="1:8">
      <c r="C50" s="89">
        <v>8</v>
      </c>
      <c r="D50" s="93" t="s">
        <v>481</v>
      </c>
      <c r="E50" s="94"/>
      <c r="F50" s="95"/>
      <c r="G50" s="96"/>
      <c r="H50" s="109"/>
    </row>
    <row r="51" spans="1:8">
      <c r="C51" s="83"/>
      <c r="D51" s="85"/>
      <c r="E51" s="86" t="s">
        <v>89</v>
      </c>
      <c r="F51" s="87">
        <v>1</v>
      </c>
      <c r="G51" s="110" t="s">
        <v>482</v>
      </c>
      <c r="H51" s="876" t="s">
        <v>845</v>
      </c>
    </row>
    <row r="52" spans="1:8" ht="14.25">
      <c r="A52" s="18"/>
      <c r="B52" s="18"/>
      <c r="C52" s="35"/>
      <c r="D52" s="25"/>
      <c r="E52" s="34" t="s">
        <v>11</v>
      </c>
      <c r="F52" s="23"/>
      <c r="G52" s="27" t="s">
        <v>22</v>
      </c>
      <c r="H52" s="876"/>
    </row>
    <row r="53" spans="1:8" ht="27">
      <c r="C53" s="83"/>
      <c r="D53" s="85"/>
      <c r="E53" s="99"/>
      <c r="F53" s="87">
        <v>2</v>
      </c>
      <c r="G53" s="110" t="s">
        <v>312</v>
      </c>
      <c r="H53" s="876" t="s">
        <v>87</v>
      </c>
    </row>
    <row r="54" spans="1:8" ht="24">
      <c r="A54" s="18"/>
      <c r="B54" s="18"/>
      <c r="C54" s="35"/>
      <c r="D54" s="25"/>
      <c r="E54" s="31"/>
      <c r="F54" s="23"/>
      <c r="G54" s="27" t="s">
        <v>77</v>
      </c>
      <c r="H54" s="876"/>
    </row>
    <row r="55" spans="1:8">
      <c r="C55" s="83"/>
      <c r="D55" s="85"/>
      <c r="E55" s="91" t="s">
        <v>90</v>
      </c>
      <c r="F55" s="87">
        <v>3</v>
      </c>
      <c r="G55" s="110" t="s">
        <v>483</v>
      </c>
      <c r="H55" s="876" t="s">
        <v>87</v>
      </c>
    </row>
    <row r="56" spans="1:8" ht="14.25">
      <c r="A56" s="18"/>
      <c r="B56" s="18"/>
      <c r="C56" s="35"/>
      <c r="D56" s="25"/>
      <c r="E56" s="32" t="s">
        <v>12</v>
      </c>
      <c r="F56" s="26"/>
      <c r="G56" s="28" t="s">
        <v>80</v>
      </c>
      <c r="H56" s="876"/>
    </row>
    <row r="57" spans="1:8">
      <c r="C57" s="89">
        <v>9</v>
      </c>
      <c r="D57" s="93" t="s">
        <v>313</v>
      </c>
      <c r="E57" s="94"/>
      <c r="F57" s="95"/>
      <c r="G57" s="96"/>
      <c r="H57" s="97"/>
    </row>
    <row r="58" spans="1:8">
      <c r="C58" s="83"/>
      <c r="D58" s="85"/>
      <c r="E58" s="91" t="s">
        <v>90</v>
      </c>
      <c r="F58" s="87">
        <v>1</v>
      </c>
      <c r="G58" s="110" t="s">
        <v>484</v>
      </c>
      <c r="H58" s="876" t="s">
        <v>845</v>
      </c>
    </row>
    <row r="59" spans="1:8" ht="14.25">
      <c r="A59" s="18"/>
      <c r="B59" s="18"/>
      <c r="C59" s="35"/>
      <c r="D59" s="25"/>
      <c r="E59" s="32" t="s">
        <v>12</v>
      </c>
      <c r="F59" s="23"/>
      <c r="G59" s="27" t="s">
        <v>30</v>
      </c>
      <c r="H59" s="876"/>
    </row>
    <row r="60" spans="1:8">
      <c r="C60" s="83"/>
      <c r="D60" s="85"/>
      <c r="E60" s="92"/>
      <c r="F60" s="87">
        <v>2</v>
      </c>
      <c r="G60" s="110" t="s">
        <v>485</v>
      </c>
      <c r="H60" s="876" t="s">
        <v>87</v>
      </c>
    </row>
    <row r="61" spans="1:8" ht="14.25">
      <c r="A61" s="18"/>
      <c r="B61" s="18"/>
      <c r="C61" s="35"/>
      <c r="D61" s="25"/>
      <c r="E61" s="32"/>
      <c r="F61" s="26"/>
      <c r="G61" s="28" t="s">
        <v>23</v>
      </c>
      <c r="H61" s="876"/>
    </row>
    <row r="62" spans="1:8" s="180" customFormat="1">
      <c r="A62" s="129"/>
      <c r="B62" s="174"/>
      <c r="C62" s="175">
        <v>10</v>
      </c>
      <c r="D62" s="176" t="s">
        <v>486</v>
      </c>
      <c r="E62" s="177"/>
      <c r="F62" s="178"/>
      <c r="G62" s="179"/>
      <c r="H62" s="109"/>
    </row>
    <row r="63" spans="1:8">
      <c r="C63" s="83"/>
      <c r="D63" s="85"/>
      <c r="E63" s="86" t="s">
        <v>89</v>
      </c>
      <c r="F63" s="87">
        <v>1</v>
      </c>
      <c r="G63" s="110" t="s">
        <v>487</v>
      </c>
      <c r="H63" s="876" t="s">
        <v>87</v>
      </c>
    </row>
    <row r="64" spans="1:8" ht="14.25">
      <c r="A64" s="18"/>
      <c r="B64" s="18"/>
      <c r="C64" s="35"/>
      <c r="D64" s="25"/>
      <c r="E64" s="31" t="s">
        <v>11</v>
      </c>
      <c r="F64" s="23"/>
      <c r="G64" s="27" t="s">
        <v>24</v>
      </c>
      <c r="H64" s="876"/>
    </row>
    <row r="65" spans="1:9">
      <c r="C65" s="83"/>
      <c r="D65" s="85"/>
      <c r="E65" s="91" t="s">
        <v>90</v>
      </c>
      <c r="F65" s="87">
        <v>2</v>
      </c>
      <c r="G65" s="110" t="s">
        <v>432</v>
      </c>
      <c r="H65" s="876" t="s">
        <v>87</v>
      </c>
    </row>
    <row r="66" spans="1:9" ht="14.25">
      <c r="A66" s="18"/>
      <c r="B66" s="18"/>
      <c r="C66" s="36"/>
      <c r="D66" s="22"/>
      <c r="E66" s="33" t="s">
        <v>12</v>
      </c>
      <c r="F66" s="23"/>
      <c r="G66" s="27" t="s">
        <v>17</v>
      </c>
      <c r="H66" s="876"/>
    </row>
    <row r="67" spans="1:9" ht="14.25">
      <c r="A67" s="18"/>
      <c r="B67" s="18"/>
      <c r="C67" s="30"/>
      <c r="D67" s="19"/>
      <c r="E67" s="30"/>
      <c r="F67" s="20"/>
      <c r="G67" s="21"/>
      <c r="H67" s="37" t="s">
        <v>280</v>
      </c>
    </row>
    <row r="68" spans="1:9" ht="14.25">
      <c r="A68" s="18"/>
      <c r="B68" s="18"/>
      <c r="C68" s="30"/>
      <c r="D68" s="19"/>
      <c r="E68" s="30"/>
      <c r="F68" s="20"/>
      <c r="G68" s="21"/>
      <c r="H68" s="37"/>
    </row>
    <row r="69" spans="1:9" ht="14.25">
      <c r="A69" s="18"/>
      <c r="B69" s="18"/>
      <c r="C69" s="30"/>
      <c r="D69" s="19"/>
      <c r="E69" s="30"/>
      <c r="F69" s="20"/>
      <c r="G69" s="21"/>
      <c r="H69" s="37"/>
    </row>
    <row r="70" spans="1:9" ht="14.25">
      <c r="A70" s="18"/>
      <c r="B70" s="18"/>
      <c r="C70" s="30"/>
      <c r="D70" s="19"/>
      <c r="E70" s="30"/>
      <c r="F70" s="20"/>
      <c r="G70" s="21"/>
      <c r="H70" s="37"/>
    </row>
    <row r="71" spans="1:9" ht="14.25">
      <c r="A71" s="18"/>
      <c r="B71" s="18"/>
      <c r="C71" s="30"/>
      <c r="D71" s="19"/>
      <c r="E71" s="30"/>
      <c r="F71" s="20"/>
      <c r="G71" s="21"/>
      <c r="H71" s="37"/>
    </row>
    <row r="72" spans="1:9" ht="14.25">
      <c r="A72" s="18"/>
      <c r="B72" s="18"/>
      <c r="C72" s="30"/>
      <c r="D72" s="19"/>
      <c r="E72" s="30"/>
      <c r="F72" s="20"/>
      <c r="G72" s="21"/>
      <c r="H72" s="37"/>
    </row>
    <row r="73" spans="1:9" ht="14.25">
      <c r="A73" s="18"/>
      <c r="B73" s="18"/>
      <c r="C73" s="30"/>
      <c r="D73" s="19"/>
      <c r="E73" s="30"/>
      <c r="F73" s="20"/>
      <c r="G73" s="21"/>
      <c r="H73" s="37"/>
    </row>
    <row r="74" spans="1:9" ht="14.25">
      <c r="A74" s="18"/>
      <c r="B74" s="18"/>
      <c r="C74" s="30"/>
      <c r="D74" s="19"/>
      <c r="E74" s="30"/>
      <c r="F74" s="20"/>
      <c r="G74" s="21"/>
      <c r="H74" s="37"/>
    </row>
    <row r="75" spans="1:9" ht="14.25">
      <c r="A75" s="18"/>
      <c r="B75" s="18"/>
      <c r="C75" s="30"/>
      <c r="D75" s="19"/>
      <c r="E75" s="30"/>
      <c r="F75" s="20"/>
      <c r="G75" s="21"/>
      <c r="H75" s="37"/>
    </row>
    <row r="76" spans="1:9" ht="14.25">
      <c r="A76" s="18"/>
      <c r="B76" s="18"/>
      <c r="C76" s="30"/>
      <c r="D76" s="19"/>
      <c r="E76" s="30"/>
      <c r="F76" s="20"/>
      <c r="G76" s="21"/>
      <c r="H76" s="37"/>
    </row>
    <row r="77" spans="1:9" ht="14.25">
      <c r="A77" s="734" t="s">
        <v>99</v>
      </c>
      <c r="B77" s="734"/>
      <c r="C77" s="734"/>
      <c r="D77" s="734"/>
      <c r="E77" s="734"/>
      <c r="F77" s="734"/>
      <c r="G77" s="734"/>
      <c r="H77" s="734"/>
      <c r="I77" s="283"/>
    </row>
    <row r="78" spans="1:9" ht="14.25">
      <c r="A78" s="18"/>
      <c r="B78" s="1" t="s">
        <v>71</v>
      </c>
      <c r="C78" s="30"/>
      <c r="D78" s="19"/>
      <c r="E78" s="30"/>
      <c r="F78" s="20"/>
      <c r="G78" s="21"/>
      <c r="H78" s="112"/>
    </row>
    <row r="79" spans="1:9" ht="26.25" thickBot="1">
      <c r="C79" s="884" t="s">
        <v>283</v>
      </c>
      <c r="D79" s="885"/>
      <c r="E79" s="886"/>
      <c r="F79" s="79" t="s">
        <v>13</v>
      </c>
      <c r="G79" s="108" t="s">
        <v>223</v>
      </c>
      <c r="H79" s="82" t="s">
        <v>88</v>
      </c>
    </row>
    <row r="80" spans="1:9" ht="16.5" thickTop="1">
      <c r="C80" s="89">
        <v>11</v>
      </c>
      <c r="D80" s="93" t="s">
        <v>488</v>
      </c>
      <c r="E80" s="94"/>
      <c r="F80" s="95"/>
      <c r="G80" s="96"/>
      <c r="H80" s="109"/>
    </row>
    <row r="81" spans="1:8">
      <c r="C81" s="83"/>
      <c r="D81" s="85"/>
      <c r="E81" s="86" t="s">
        <v>89</v>
      </c>
      <c r="F81" s="87">
        <v>1</v>
      </c>
      <c r="G81" s="110" t="s">
        <v>314</v>
      </c>
      <c r="H81" s="368" t="s">
        <v>87</v>
      </c>
    </row>
    <row r="82" spans="1:8">
      <c r="C82" s="83"/>
      <c r="D82" s="85"/>
      <c r="E82" s="34" t="s">
        <v>11</v>
      </c>
      <c r="F82" s="87">
        <v>2</v>
      </c>
      <c r="G82" s="110" t="s">
        <v>489</v>
      </c>
      <c r="H82" s="368" t="s">
        <v>87</v>
      </c>
    </row>
    <row r="83" spans="1:8">
      <c r="C83" s="83"/>
      <c r="D83" s="85"/>
      <c r="E83" s="91" t="s">
        <v>90</v>
      </c>
      <c r="F83" s="87">
        <v>3</v>
      </c>
      <c r="G83" s="110" t="s">
        <v>490</v>
      </c>
      <c r="H83" s="876" t="s">
        <v>87</v>
      </c>
    </row>
    <row r="84" spans="1:8" ht="14.25">
      <c r="A84" s="18"/>
      <c r="B84" s="18"/>
      <c r="C84" s="35"/>
      <c r="D84" s="25"/>
      <c r="E84" s="32" t="s">
        <v>12</v>
      </c>
      <c r="F84" s="23"/>
      <c r="G84" s="27" t="s">
        <v>31</v>
      </c>
      <c r="H84" s="876"/>
    </row>
    <row r="85" spans="1:8">
      <c r="C85" s="83"/>
      <c r="D85" s="85"/>
      <c r="E85" s="92"/>
      <c r="F85" s="87">
        <v>4</v>
      </c>
      <c r="G85" s="110" t="s">
        <v>491</v>
      </c>
      <c r="H85" s="100"/>
    </row>
    <row r="86" spans="1:8">
      <c r="C86" s="83"/>
      <c r="D86" s="85"/>
      <c r="E86" s="92"/>
      <c r="F86" s="101"/>
      <c r="G86" s="111" t="s">
        <v>315</v>
      </c>
      <c r="H86" s="368" t="s">
        <v>87</v>
      </c>
    </row>
    <row r="87" spans="1:8">
      <c r="C87" s="83"/>
      <c r="D87" s="85"/>
      <c r="E87" s="92"/>
      <c r="F87" s="101"/>
      <c r="G87" s="111" t="s">
        <v>298</v>
      </c>
      <c r="H87" s="368" t="s">
        <v>87</v>
      </c>
    </row>
    <row r="88" spans="1:8">
      <c r="C88" s="83"/>
      <c r="D88" s="85"/>
      <c r="E88" s="92"/>
      <c r="F88" s="101"/>
      <c r="G88" s="111" t="s">
        <v>316</v>
      </c>
      <c r="H88" s="368" t="s">
        <v>87</v>
      </c>
    </row>
    <row r="89" spans="1:8">
      <c r="C89" s="83"/>
      <c r="D89" s="85"/>
      <c r="E89" s="92"/>
      <c r="F89" s="101"/>
      <c r="G89" s="111" t="s">
        <v>492</v>
      </c>
      <c r="H89" s="368" t="s">
        <v>87</v>
      </c>
    </row>
    <row r="90" spans="1:8">
      <c r="C90" s="90"/>
      <c r="D90" s="98"/>
      <c r="E90" s="103"/>
      <c r="F90" s="281"/>
      <c r="G90" s="282" t="s">
        <v>433</v>
      </c>
      <c r="H90" s="368" t="s">
        <v>845</v>
      </c>
    </row>
    <row r="91" spans="1:8">
      <c r="C91" s="89">
        <v>12</v>
      </c>
      <c r="D91" s="93" t="s">
        <v>493</v>
      </c>
      <c r="E91" s="94"/>
      <c r="F91" s="95"/>
      <c r="G91" s="96"/>
      <c r="H91" s="109"/>
    </row>
    <row r="92" spans="1:8" ht="25.5">
      <c r="C92" s="83"/>
      <c r="D92" s="85"/>
      <c r="E92" s="256" t="s">
        <v>224</v>
      </c>
      <c r="F92" s="87">
        <v>1</v>
      </c>
      <c r="G92" s="110" t="s">
        <v>494</v>
      </c>
      <c r="H92" s="368" t="s">
        <v>87</v>
      </c>
    </row>
    <row r="93" spans="1:8">
      <c r="C93" s="83"/>
      <c r="D93" s="85"/>
      <c r="E93" s="91" t="s">
        <v>90</v>
      </c>
      <c r="F93" s="87">
        <v>2</v>
      </c>
      <c r="G93" s="110" t="s">
        <v>495</v>
      </c>
      <c r="H93" s="113"/>
    </row>
    <row r="94" spans="1:8">
      <c r="C94" s="83"/>
      <c r="D94" s="85"/>
      <c r="E94" s="32" t="s">
        <v>12</v>
      </c>
      <c r="F94" s="101"/>
      <c r="G94" s="111" t="s">
        <v>496</v>
      </c>
      <c r="H94" s="368" t="s">
        <v>87</v>
      </c>
    </row>
    <row r="95" spans="1:8">
      <c r="C95" s="83"/>
      <c r="D95" s="85"/>
      <c r="E95" s="92"/>
      <c r="F95" s="101"/>
      <c r="G95" s="111" t="s">
        <v>497</v>
      </c>
      <c r="H95" s="368" t="s">
        <v>87</v>
      </c>
    </row>
    <row r="96" spans="1:8">
      <c r="C96" s="83"/>
      <c r="D96" s="85"/>
      <c r="E96" s="92"/>
      <c r="F96" s="101"/>
      <c r="G96" s="111" t="s">
        <v>498</v>
      </c>
      <c r="H96" s="368" t="s">
        <v>87</v>
      </c>
    </row>
    <row r="97" spans="1:8">
      <c r="C97" s="89">
        <v>13</v>
      </c>
      <c r="D97" s="93" t="s">
        <v>499</v>
      </c>
      <c r="E97" s="94"/>
      <c r="F97" s="95"/>
      <c r="G97" s="96"/>
      <c r="H97" s="109"/>
    </row>
    <row r="98" spans="1:8" ht="25.5">
      <c r="C98" s="83"/>
      <c r="D98" s="85"/>
      <c r="E98" s="256" t="s">
        <v>224</v>
      </c>
      <c r="F98" s="87">
        <v>1</v>
      </c>
      <c r="G98" s="110" t="s">
        <v>494</v>
      </c>
      <c r="H98" s="368" t="s">
        <v>87</v>
      </c>
    </row>
    <row r="99" spans="1:8">
      <c r="C99" s="83"/>
      <c r="D99" s="85"/>
      <c r="E99" s="91" t="s">
        <v>90</v>
      </c>
      <c r="F99" s="87">
        <v>2</v>
      </c>
      <c r="G99" s="110" t="s">
        <v>495</v>
      </c>
      <c r="H99" s="113"/>
    </row>
    <row r="100" spans="1:8">
      <c r="C100" s="83"/>
      <c r="D100" s="85"/>
      <c r="E100" s="32" t="s">
        <v>12</v>
      </c>
      <c r="F100" s="101"/>
      <c r="G100" s="111" t="s">
        <v>500</v>
      </c>
      <c r="H100" s="368" t="s">
        <v>87</v>
      </c>
    </row>
    <row r="101" spans="1:8">
      <c r="C101" s="83"/>
      <c r="D101" s="85"/>
      <c r="E101" s="92"/>
      <c r="F101" s="101"/>
      <c r="G101" s="111" t="s">
        <v>497</v>
      </c>
      <c r="H101" s="368" t="s">
        <v>87</v>
      </c>
    </row>
    <row r="102" spans="1:8">
      <c r="C102" s="83"/>
      <c r="D102" s="85"/>
      <c r="E102" s="92"/>
      <c r="F102" s="101"/>
      <c r="G102" s="111" t="s">
        <v>498</v>
      </c>
      <c r="H102" s="368" t="s">
        <v>87</v>
      </c>
    </row>
    <row r="103" spans="1:8">
      <c r="C103" s="83"/>
      <c r="D103" s="85"/>
      <c r="E103" s="92"/>
      <c r="F103" s="101"/>
      <c r="G103" s="111" t="s">
        <v>501</v>
      </c>
      <c r="H103" s="368" t="s">
        <v>87</v>
      </c>
    </row>
    <row r="104" spans="1:8">
      <c r="C104" s="89">
        <v>14</v>
      </c>
      <c r="D104" s="93" t="s">
        <v>502</v>
      </c>
      <c r="E104" s="94"/>
      <c r="F104" s="95"/>
      <c r="G104" s="96"/>
      <c r="H104" s="109"/>
    </row>
    <row r="105" spans="1:8">
      <c r="C105" s="83"/>
      <c r="D105" s="85"/>
      <c r="E105" s="86" t="s">
        <v>89</v>
      </c>
      <c r="F105" s="87">
        <v>1</v>
      </c>
      <c r="G105" s="110" t="s">
        <v>503</v>
      </c>
      <c r="H105" s="876" t="s">
        <v>87</v>
      </c>
    </row>
    <row r="106" spans="1:8" ht="14.25">
      <c r="A106" s="18"/>
      <c r="B106" s="18"/>
      <c r="C106" s="35"/>
      <c r="D106" s="25"/>
      <c r="E106" s="31" t="s">
        <v>11</v>
      </c>
      <c r="F106" s="23"/>
      <c r="G106" s="27" t="s">
        <v>81</v>
      </c>
      <c r="H106" s="876"/>
    </row>
    <row r="107" spans="1:8" ht="25.5">
      <c r="C107" s="83"/>
      <c r="D107" s="85"/>
      <c r="E107" s="125" t="s">
        <v>504</v>
      </c>
      <c r="F107" s="87">
        <v>2</v>
      </c>
      <c r="G107" s="110" t="s">
        <v>317</v>
      </c>
      <c r="H107" s="368" t="s">
        <v>87</v>
      </c>
    </row>
    <row r="108" spans="1:8">
      <c r="C108" s="175">
        <v>15</v>
      </c>
      <c r="D108" s="176" t="s">
        <v>505</v>
      </c>
      <c r="E108" s="177"/>
      <c r="F108" s="234"/>
      <c r="G108" s="235"/>
      <c r="H108" s="109"/>
    </row>
    <row r="109" spans="1:8" ht="25.5">
      <c r="C109" s="83"/>
      <c r="D109" s="85"/>
      <c r="E109" s="256" t="s">
        <v>224</v>
      </c>
      <c r="F109" s="191">
        <v>1</v>
      </c>
      <c r="G109" s="192" t="s">
        <v>506</v>
      </c>
      <c r="H109" s="368" t="s">
        <v>87</v>
      </c>
    </row>
    <row r="110" spans="1:8">
      <c r="C110" s="83"/>
      <c r="D110" s="85"/>
      <c r="E110" s="91" t="s">
        <v>90</v>
      </c>
      <c r="F110" s="191">
        <v>2</v>
      </c>
      <c r="G110" s="192" t="s">
        <v>507</v>
      </c>
      <c r="H110" s="876" t="s">
        <v>87</v>
      </c>
    </row>
    <row r="111" spans="1:8" ht="14.25">
      <c r="A111" s="18"/>
      <c r="B111" s="18"/>
      <c r="C111" s="35"/>
      <c r="D111" s="25"/>
      <c r="E111" s="32" t="s">
        <v>12</v>
      </c>
      <c r="F111" s="189"/>
      <c r="G111" s="193" t="s">
        <v>190</v>
      </c>
      <c r="H111" s="876"/>
    </row>
    <row r="112" spans="1:8">
      <c r="C112" s="83"/>
      <c r="D112" s="85"/>
      <c r="E112" s="92"/>
      <c r="F112" s="191">
        <v>3</v>
      </c>
      <c r="G112" s="192" t="s">
        <v>508</v>
      </c>
      <c r="H112" s="876" t="s">
        <v>87</v>
      </c>
    </row>
    <row r="113" spans="1:8" ht="14.25">
      <c r="A113" s="18"/>
      <c r="B113" s="18"/>
      <c r="C113" s="35"/>
      <c r="D113" s="25"/>
      <c r="E113" s="32"/>
      <c r="F113" s="189"/>
      <c r="G113" s="193" t="s">
        <v>28</v>
      </c>
      <c r="H113" s="876"/>
    </row>
    <row r="114" spans="1:8" ht="27.75">
      <c r="A114" s="18"/>
      <c r="B114" s="18"/>
      <c r="C114" s="35"/>
      <c r="D114" s="25"/>
      <c r="E114" s="32"/>
      <c r="F114" s="191">
        <v>4</v>
      </c>
      <c r="G114" s="223" t="s">
        <v>275</v>
      </c>
      <c r="H114" s="887" t="s">
        <v>87</v>
      </c>
    </row>
    <row r="115" spans="1:8" ht="22.5" customHeight="1">
      <c r="A115" s="18"/>
      <c r="B115" s="18"/>
      <c r="C115" s="35"/>
      <c r="D115" s="25"/>
      <c r="E115" s="32"/>
      <c r="F115" s="202"/>
      <c r="G115" s="224" t="s">
        <v>289</v>
      </c>
      <c r="H115" s="888"/>
    </row>
    <row r="116" spans="1:8" ht="14.25">
      <c r="A116" s="18"/>
      <c r="B116" s="18"/>
      <c r="C116" s="35"/>
      <c r="D116" s="25"/>
      <c r="E116" s="32"/>
      <c r="F116" s="202"/>
      <c r="G116" s="184" t="s">
        <v>200</v>
      </c>
      <c r="H116" s="888"/>
    </row>
    <row r="117" spans="1:8" ht="14.25">
      <c r="A117" s="18"/>
      <c r="B117" s="18"/>
      <c r="C117" s="35"/>
      <c r="D117" s="25"/>
      <c r="E117" s="32"/>
      <c r="F117" s="202"/>
      <c r="G117" s="190" t="s">
        <v>104</v>
      </c>
      <c r="H117" s="889"/>
    </row>
    <row r="118" spans="1:8">
      <c r="C118" s="89">
        <v>16</v>
      </c>
      <c r="D118" s="93" t="s">
        <v>509</v>
      </c>
      <c r="E118" s="94"/>
      <c r="F118" s="95"/>
      <c r="G118" s="96"/>
      <c r="H118" s="109"/>
    </row>
    <row r="119" spans="1:8" ht="25.5">
      <c r="C119" s="83"/>
      <c r="D119" s="85"/>
      <c r="E119" s="256" t="s">
        <v>224</v>
      </c>
      <c r="F119" s="87">
        <v>1</v>
      </c>
      <c r="G119" s="110" t="s">
        <v>494</v>
      </c>
      <c r="H119" s="368" t="s">
        <v>87</v>
      </c>
    </row>
    <row r="120" spans="1:8">
      <c r="C120" s="83"/>
      <c r="D120" s="85"/>
      <c r="E120" s="91" t="s">
        <v>90</v>
      </c>
      <c r="F120" s="87">
        <v>2</v>
      </c>
      <c r="G120" s="643" t="s">
        <v>976</v>
      </c>
      <c r="H120" s="887" t="s">
        <v>87</v>
      </c>
    </row>
    <row r="121" spans="1:8" ht="14.25">
      <c r="A121" s="18"/>
      <c r="B121" s="18"/>
      <c r="C121" s="35"/>
      <c r="D121" s="25"/>
      <c r="E121" s="32" t="s">
        <v>12</v>
      </c>
      <c r="F121" s="26"/>
      <c r="G121" s="27" t="s">
        <v>977</v>
      </c>
      <c r="H121" s="888"/>
    </row>
    <row r="122" spans="1:8" s="180" customFormat="1">
      <c r="A122" s="129"/>
      <c r="B122" s="174"/>
      <c r="C122" s="181"/>
      <c r="D122" s="182"/>
      <c r="E122" s="370"/>
      <c r="F122" s="183"/>
      <c r="G122" s="184" t="s">
        <v>510</v>
      </c>
      <c r="H122" s="888"/>
    </row>
    <row r="123" spans="1:8" s="180" customFormat="1" ht="14.25">
      <c r="A123" s="185"/>
      <c r="B123" s="185"/>
      <c r="C123" s="186"/>
      <c r="D123" s="187"/>
      <c r="E123" s="188"/>
      <c r="F123" s="189"/>
      <c r="G123" s="190" t="s">
        <v>104</v>
      </c>
      <c r="H123" s="889"/>
    </row>
    <row r="124" spans="1:8" s="180" customFormat="1" ht="14.25">
      <c r="A124" s="185"/>
      <c r="B124" s="185"/>
      <c r="C124" s="303">
        <v>17</v>
      </c>
      <c r="D124" s="257" t="s">
        <v>685</v>
      </c>
      <c r="E124" s="194"/>
      <c r="F124" s="178"/>
      <c r="G124" s="195"/>
      <c r="H124" s="109"/>
    </row>
    <row r="125" spans="1:8" s="180" customFormat="1" ht="27.75">
      <c r="A125" s="129"/>
      <c r="B125" s="174"/>
      <c r="C125" s="181"/>
      <c r="D125" s="182"/>
      <c r="E125" s="86" t="s">
        <v>89</v>
      </c>
      <c r="F125" s="191">
        <v>1</v>
      </c>
      <c r="G125" s="192" t="s">
        <v>403</v>
      </c>
      <c r="H125" s="876"/>
    </row>
    <row r="126" spans="1:8" s="180" customFormat="1" ht="24">
      <c r="A126" s="185"/>
      <c r="B126" s="185"/>
      <c r="C126" s="186"/>
      <c r="D126" s="187"/>
      <c r="E126" s="297" t="s">
        <v>11</v>
      </c>
      <c r="F126" s="189"/>
      <c r="G126" s="193" t="s">
        <v>375</v>
      </c>
      <c r="H126" s="876"/>
    </row>
    <row r="127" spans="1:8" s="180" customFormat="1" ht="25.5">
      <c r="A127" s="129"/>
      <c r="B127" s="174"/>
      <c r="C127" s="186"/>
      <c r="D127" s="187"/>
      <c r="E127" s="278" t="s">
        <v>318</v>
      </c>
      <c r="F127" s="293">
        <v>2</v>
      </c>
      <c r="G127" s="302" t="s">
        <v>434</v>
      </c>
      <c r="H127" s="372"/>
    </row>
    <row r="128" spans="1:8" s="180" customFormat="1" ht="14.25">
      <c r="A128" s="185"/>
      <c r="B128" s="185"/>
      <c r="C128" s="186"/>
      <c r="D128" s="187"/>
      <c r="E128" s="188"/>
      <c r="F128" s="191">
        <v>3</v>
      </c>
      <c r="G128" s="644" t="s">
        <v>978</v>
      </c>
      <c r="H128" s="876"/>
    </row>
    <row r="129" spans="1:8" s="180" customFormat="1" ht="14.25">
      <c r="A129" s="185"/>
      <c r="B129" s="185"/>
      <c r="C129" s="206"/>
      <c r="D129" s="207"/>
      <c r="E129" s="208"/>
      <c r="F129" s="189"/>
      <c r="G129" s="203" t="s">
        <v>979</v>
      </c>
      <c r="H129" s="876"/>
    </row>
    <row r="130" spans="1:8" s="180" customFormat="1">
      <c r="A130" s="129"/>
      <c r="B130" s="174"/>
      <c r="C130" s="175">
        <v>18</v>
      </c>
      <c r="D130" s="176" t="s">
        <v>299</v>
      </c>
      <c r="E130" s="177"/>
      <c r="F130" s="178"/>
      <c r="G130" s="179"/>
      <c r="H130" s="109"/>
    </row>
    <row r="131" spans="1:8" s="180" customFormat="1">
      <c r="A131" s="129"/>
      <c r="B131" s="174"/>
      <c r="C131" s="181"/>
      <c r="D131" s="182"/>
      <c r="E131" s="86" t="s">
        <v>89</v>
      </c>
      <c r="F131" s="191">
        <v>1</v>
      </c>
      <c r="G131" s="192" t="s">
        <v>435</v>
      </c>
      <c r="H131" s="876"/>
    </row>
    <row r="132" spans="1:8" s="180" customFormat="1" ht="14.25">
      <c r="A132" s="185"/>
      <c r="B132" s="185"/>
      <c r="C132" s="186"/>
      <c r="D132" s="187"/>
      <c r="E132" s="34" t="s">
        <v>11</v>
      </c>
      <c r="F132" s="189"/>
      <c r="G132" s="193" t="s">
        <v>32</v>
      </c>
      <c r="H132" s="876"/>
    </row>
    <row r="133" spans="1:8" ht="14.25">
      <c r="A133" s="18"/>
      <c r="B133" s="18"/>
      <c r="C133" s="35"/>
      <c r="D133" s="25"/>
      <c r="E133" s="275"/>
      <c r="F133" s="191">
        <v>2</v>
      </c>
      <c r="G133" s="192" t="s">
        <v>511</v>
      </c>
      <c r="H133" s="368"/>
    </row>
    <row r="134" spans="1:8">
      <c r="C134" s="83"/>
      <c r="D134" s="85"/>
      <c r="E134" s="369" t="s">
        <v>180</v>
      </c>
      <c r="F134" s="191">
        <v>3</v>
      </c>
      <c r="G134" s="192" t="s">
        <v>512</v>
      </c>
      <c r="H134" s="876"/>
    </row>
    <row r="135" spans="1:8" ht="14.25">
      <c r="A135" s="18"/>
      <c r="B135" s="18"/>
      <c r="C135" s="35"/>
      <c r="D135" s="25"/>
      <c r="E135" s="188" t="s">
        <v>12</v>
      </c>
      <c r="F135" s="189"/>
      <c r="G135" s="193" t="s">
        <v>259</v>
      </c>
      <c r="H135" s="876"/>
    </row>
    <row r="136" spans="1:8">
      <c r="C136" s="83"/>
      <c r="D136" s="85"/>
      <c r="E136" s="276"/>
      <c r="F136" s="191">
        <v>4</v>
      </c>
      <c r="G136" s="192" t="s">
        <v>281</v>
      </c>
      <c r="H136" s="876"/>
    </row>
    <row r="137" spans="1:8" ht="27.75" customHeight="1">
      <c r="A137" s="18"/>
      <c r="B137" s="18"/>
      <c r="C137" s="35"/>
      <c r="D137" s="25"/>
      <c r="E137" s="276"/>
      <c r="F137" s="189"/>
      <c r="G137" s="193" t="s">
        <v>260</v>
      </c>
      <c r="H137" s="876"/>
    </row>
    <row r="138" spans="1:8" ht="40.5">
      <c r="C138" s="83"/>
      <c r="D138" s="85"/>
      <c r="E138" s="277"/>
      <c r="F138" s="191">
        <v>5</v>
      </c>
      <c r="G138" s="192" t="s">
        <v>282</v>
      </c>
      <c r="H138" s="876"/>
    </row>
    <row r="139" spans="1:8" ht="41.25" customHeight="1">
      <c r="A139" s="18"/>
      <c r="B139" s="18"/>
      <c r="C139" s="35"/>
      <c r="D139" s="25"/>
      <c r="E139" s="276"/>
      <c r="F139" s="189"/>
      <c r="G139" s="193" t="s">
        <v>261</v>
      </c>
      <c r="H139" s="876"/>
    </row>
    <row r="140" spans="1:8">
      <c r="C140" s="83"/>
      <c r="D140" s="85"/>
      <c r="E140" s="277"/>
      <c r="F140" s="191">
        <v>6</v>
      </c>
      <c r="G140" s="192" t="s">
        <v>513</v>
      </c>
      <c r="H140" s="876"/>
    </row>
    <row r="141" spans="1:8" ht="14.25">
      <c r="A141" s="18"/>
      <c r="B141" s="18"/>
      <c r="C141" s="35"/>
      <c r="D141" s="25"/>
      <c r="E141" s="276"/>
      <c r="F141" s="189"/>
      <c r="G141" s="193" t="s">
        <v>262</v>
      </c>
      <c r="H141" s="876"/>
    </row>
    <row r="142" spans="1:8" s="180" customFormat="1">
      <c r="A142" s="129"/>
      <c r="B142" s="174"/>
      <c r="C142" s="175">
        <v>19</v>
      </c>
      <c r="D142" s="176" t="s">
        <v>436</v>
      </c>
      <c r="E142" s="177"/>
      <c r="F142" s="178"/>
      <c r="G142" s="179"/>
      <c r="H142" s="109"/>
    </row>
    <row r="143" spans="1:8" s="180" customFormat="1">
      <c r="A143" s="129"/>
      <c r="B143" s="174"/>
      <c r="C143" s="181"/>
      <c r="D143" s="182"/>
      <c r="E143" s="86" t="s">
        <v>89</v>
      </c>
      <c r="F143" s="191">
        <v>1</v>
      </c>
      <c r="G143" s="192" t="s">
        <v>435</v>
      </c>
      <c r="H143" s="876"/>
    </row>
    <row r="144" spans="1:8" s="180" customFormat="1" ht="14.25">
      <c r="A144" s="185"/>
      <c r="B144" s="185"/>
      <c r="C144" s="186"/>
      <c r="D144" s="187"/>
      <c r="E144" s="34" t="s">
        <v>11</v>
      </c>
      <c r="F144" s="189"/>
      <c r="G144" s="193" t="s">
        <v>32</v>
      </c>
      <c r="H144" s="876"/>
    </row>
    <row r="145" spans="1:9" s="180" customFormat="1" ht="25.5">
      <c r="A145" s="129"/>
      <c r="B145" s="174"/>
      <c r="C145" s="225"/>
      <c r="D145" s="329"/>
      <c r="E145" s="330" t="s">
        <v>318</v>
      </c>
      <c r="F145" s="331">
        <v>2</v>
      </c>
      <c r="G145" s="302" t="s">
        <v>514</v>
      </c>
      <c r="H145" s="368"/>
    </row>
    <row r="146" spans="1:9" ht="14.25">
      <c r="A146" s="18"/>
      <c r="B146" s="18"/>
      <c r="C146" s="30"/>
      <c r="D146" s="19"/>
      <c r="E146" s="30"/>
      <c r="F146" s="20"/>
      <c r="G146" s="21"/>
      <c r="H146" s="37" t="s">
        <v>280</v>
      </c>
    </row>
    <row r="147" spans="1:9" ht="14.25">
      <c r="A147" s="18"/>
      <c r="B147" s="18"/>
      <c r="C147" s="30"/>
      <c r="D147" s="19"/>
      <c r="E147" s="30"/>
      <c r="F147" s="20"/>
      <c r="G147" s="21"/>
      <c r="H147" s="37"/>
    </row>
    <row r="148" spans="1:9" ht="14.25">
      <c r="A148" s="734" t="s">
        <v>100</v>
      </c>
      <c r="B148" s="734"/>
      <c r="C148" s="734"/>
      <c r="D148" s="734"/>
      <c r="E148" s="734"/>
      <c r="F148" s="734"/>
      <c r="G148" s="734"/>
      <c r="H148" s="734"/>
      <c r="I148" s="283"/>
    </row>
    <row r="149" spans="1:9" ht="14.25">
      <c r="A149" s="18"/>
      <c r="B149" s="1" t="s">
        <v>71</v>
      </c>
      <c r="C149" s="30"/>
      <c r="D149" s="19"/>
      <c r="E149" s="30"/>
      <c r="F149" s="20"/>
      <c r="G149" s="21"/>
      <c r="H149" s="112"/>
    </row>
    <row r="150" spans="1:9" ht="26.25" thickBot="1">
      <c r="C150" s="884" t="s">
        <v>283</v>
      </c>
      <c r="D150" s="885"/>
      <c r="E150" s="886"/>
      <c r="F150" s="79" t="s">
        <v>13</v>
      </c>
      <c r="G150" s="108" t="s">
        <v>223</v>
      </c>
      <c r="H150" s="82" t="s">
        <v>88</v>
      </c>
    </row>
    <row r="151" spans="1:9" s="180" customFormat="1" ht="16.5" thickTop="1">
      <c r="A151" s="129"/>
      <c r="B151" s="174"/>
      <c r="C151" s="175">
        <v>20</v>
      </c>
      <c r="D151" s="176" t="s">
        <v>515</v>
      </c>
      <c r="E151" s="177"/>
      <c r="F151" s="178"/>
      <c r="G151" s="179"/>
      <c r="H151" s="109"/>
    </row>
    <row r="152" spans="1:9" s="180" customFormat="1">
      <c r="A152" s="129"/>
      <c r="B152" s="174"/>
      <c r="C152" s="181"/>
      <c r="D152" s="182"/>
      <c r="E152" s="86" t="s">
        <v>89</v>
      </c>
      <c r="F152" s="191">
        <v>1</v>
      </c>
      <c r="G152" s="192" t="s">
        <v>435</v>
      </c>
      <c r="H152" s="876"/>
    </row>
    <row r="153" spans="1:9" s="180" customFormat="1" ht="14.25">
      <c r="A153" s="185"/>
      <c r="B153" s="185"/>
      <c r="C153" s="186"/>
      <c r="D153" s="187"/>
      <c r="E153" s="34" t="s">
        <v>11</v>
      </c>
      <c r="F153" s="189"/>
      <c r="G153" s="193" t="s">
        <v>32</v>
      </c>
      <c r="H153" s="876"/>
    </row>
    <row r="154" spans="1:9" ht="14.25">
      <c r="A154" s="18"/>
      <c r="B154" s="18"/>
      <c r="C154" s="35"/>
      <c r="D154" s="25"/>
      <c r="E154" s="275"/>
      <c r="F154" s="191">
        <v>2</v>
      </c>
      <c r="G154" s="192" t="s">
        <v>511</v>
      </c>
      <c r="H154" s="368"/>
    </row>
    <row r="155" spans="1:9">
      <c r="C155" s="83"/>
      <c r="D155" s="85"/>
      <c r="E155" s="369" t="s">
        <v>180</v>
      </c>
      <c r="F155" s="191">
        <v>3</v>
      </c>
      <c r="G155" s="192" t="s">
        <v>512</v>
      </c>
      <c r="H155" s="876"/>
    </row>
    <row r="156" spans="1:9" ht="14.25">
      <c r="A156" s="18"/>
      <c r="B156" s="18"/>
      <c r="C156" s="35"/>
      <c r="D156" s="25"/>
      <c r="E156" s="188" t="s">
        <v>12</v>
      </c>
      <c r="F156" s="189"/>
      <c r="G156" s="193" t="s">
        <v>259</v>
      </c>
      <c r="H156" s="876"/>
    </row>
    <row r="157" spans="1:9">
      <c r="C157" s="83"/>
      <c r="D157" s="85"/>
      <c r="E157" s="276"/>
      <c r="F157" s="191">
        <v>4</v>
      </c>
      <c r="G157" s="192" t="s">
        <v>281</v>
      </c>
      <c r="H157" s="876"/>
    </row>
    <row r="158" spans="1:9" ht="27.75" customHeight="1">
      <c r="A158" s="18"/>
      <c r="B158" s="18"/>
      <c r="C158" s="35"/>
      <c r="D158" s="25"/>
      <c r="E158" s="276"/>
      <c r="F158" s="189"/>
      <c r="G158" s="193" t="s">
        <v>260</v>
      </c>
      <c r="H158" s="876"/>
    </row>
    <row r="159" spans="1:9" ht="40.5">
      <c r="C159" s="83"/>
      <c r="D159" s="85"/>
      <c r="E159" s="277"/>
      <c r="F159" s="191">
        <v>5</v>
      </c>
      <c r="G159" s="192" t="s">
        <v>282</v>
      </c>
      <c r="H159" s="876"/>
    </row>
    <row r="160" spans="1:9" ht="41.25" customHeight="1">
      <c r="A160" s="18"/>
      <c r="B160" s="18"/>
      <c r="C160" s="35"/>
      <c r="D160" s="25"/>
      <c r="E160" s="276"/>
      <c r="F160" s="189"/>
      <c r="G160" s="193" t="s">
        <v>261</v>
      </c>
      <c r="H160" s="876"/>
    </row>
    <row r="161" spans="1:8">
      <c r="C161" s="83"/>
      <c r="D161" s="85"/>
      <c r="E161" s="277"/>
      <c r="F161" s="191">
        <v>6</v>
      </c>
      <c r="G161" s="192" t="s">
        <v>513</v>
      </c>
      <c r="H161" s="876"/>
    </row>
    <row r="162" spans="1:8" ht="14.25">
      <c r="A162" s="18"/>
      <c r="B162" s="18"/>
      <c r="C162" s="36"/>
      <c r="D162" s="22"/>
      <c r="E162" s="294"/>
      <c r="F162" s="189"/>
      <c r="G162" s="193" t="s">
        <v>262</v>
      </c>
      <c r="H162" s="876"/>
    </row>
    <row r="163" spans="1:8">
      <c r="C163" s="303">
        <v>21</v>
      </c>
      <c r="D163" s="93" t="s">
        <v>516</v>
      </c>
      <c r="E163" s="94"/>
      <c r="F163" s="95"/>
      <c r="G163" s="96"/>
      <c r="H163" s="109"/>
    </row>
    <row r="164" spans="1:8" ht="39.75">
      <c r="C164" s="181"/>
      <c r="D164" s="85"/>
      <c r="E164" s="256" t="s">
        <v>224</v>
      </c>
      <c r="F164" s="87">
        <v>1</v>
      </c>
      <c r="G164" s="110" t="s">
        <v>300</v>
      </c>
      <c r="H164" s="368" t="s">
        <v>87</v>
      </c>
    </row>
    <row r="165" spans="1:8" ht="25.5">
      <c r="C165" s="181"/>
      <c r="D165" s="85"/>
      <c r="E165" s="125" t="s">
        <v>504</v>
      </c>
      <c r="F165" s="87">
        <v>2</v>
      </c>
      <c r="G165" s="110" t="s">
        <v>317</v>
      </c>
      <c r="H165" s="368" t="s">
        <v>87</v>
      </c>
    </row>
    <row r="166" spans="1:8" s="180" customFormat="1" ht="14.25">
      <c r="A166" s="185"/>
      <c r="B166" s="185"/>
      <c r="C166" s="303">
        <v>22</v>
      </c>
      <c r="D166" s="257" t="s">
        <v>225</v>
      </c>
      <c r="E166" s="194"/>
      <c r="F166" s="178"/>
      <c r="G166" s="195"/>
      <c r="H166" s="109"/>
    </row>
    <row r="167" spans="1:8" s="180" customFormat="1" ht="25.5">
      <c r="A167" s="185"/>
      <c r="B167" s="185"/>
      <c r="C167" s="196"/>
      <c r="D167" s="197"/>
      <c r="E167" s="256" t="s">
        <v>224</v>
      </c>
      <c r="F167" s="191">
        <v>1</v>
      </c>
      <c r="G167" s="198" t="s">
        <v>179</v>
      </c>
      <c r="H167" s="368" t="s">
        <v>87</v>
      </c>
    </row>
    <row r="168" spans="1:8" s="180" customFormat="1" ht="14.25">
      <c r="A168" s="185"/>
      <c r="B168" s="185"/>
      <c r="C168" s="196"/>
      <c r="D168" s="197"/>
      <c r="E168" s="369" t="s">
        <v>180</v>
      </c>
      <c r="F168" s="191">
        <v>2</v>
      </c>
      <c r="G168" s="198" t="s">
        <v>434</v>
      </c>
      <c r="H168" s="368" t="s">
        <v>87</v>
      </c>
    </row>
    <row r="169" spans="1:8" s="180" customFormat="1" ht="14.25">
      <c r="A169" s="185"/>
      <c r="B169" s="185"/>
      <c r="C169" s="196"/>
      <c r="D169" s="197"/>
      <c r="E169" s="188" t="s">
        <v>12</v>
      </c>
      <c r="F169" s="191">
        <v>3</v>
      </c>
      <c r="G169" s="644" t="s">
        <v>980</v>
      </c>
      <c r="H169" s="887" t="s">
        <v>87</v>
      </c>
    </row>
    <row r="170" spans="1:8" s="180" customFormat="1" ht="24">
      <c r="A170" s="185"/>
      <c r="B170" s="185"/>
      <c r="C170" s="199"/>
      <c r="D170" s="200"/>
      <c r="E170" s="201"/>
      <c r="F170" s="202"/>
      <c r="G170" s="203" t="s">
        <v>981</v>
      </c>
      <c r="H170" s="888"/>
    </row>
    <row r="171" spans="1:8" s="180" customFormat="1" ht="14.25">
      <c r="A171" s="185"/>
      <c r="B171" s="185"/>
      <c r="C171" s="196"/>
      <c r="D171" s="197"/>
      <c r="E171" s="204"/>
      <c r="F171" s="183"/>
      <c r="G171" s="205" t="s">
        <v>181</v>
      </c>
      <c r="H171" s="888"/>
    </row>
    <row r="172" spans="1:8" s="180" customFormat="1" ht="14.25">
      <c r="A172" s="185"/>
      <c r="B172" s="185"/>
      <c r="C172" s="206"/>
      <c r="D172" s="207"/>
      <c r="E172" s="208"/>
      <c r="F172" s="189"/>
      <c r="G172" s="209" t="s">
        <v>104</v>
      </c>
      <c r="H172" s="889"/>
    </row>
    <row r="173" spans="1:8" s="180" customFormat="1" ht="14.25">
      <c r="A173" s="185"/>
      <c r="B173" s="185"/>
      <c r="C173" s="303">
        <v>23</v>
      </c>
      <c r="D173" s="257" t="s">
        <v>517</v>
      </c>
      <c r="E173" s="194"/>
      <c r="F173" s="178"/>
      <c r="G173" s="195"/>
      <c r="H173" s="109"/>
    </row>
    <row r="174" spans="1:8" s="180" customFormat="1" ht="25.5">
      <c r="A174" s="129"/>
      <c r="B174" s="174"/>
      <c r="C174" s="181"/>
      <c r="D174" s="182"/>
      <c r="E174" s="256" t="s">
        <v>224</v>
      </c>
      <c r="F174" s="191">
        <v>1</v>
      </c>
      <c r="G174" s="192" t="s">
        <v>518</v>
      </c>
      <c r="H174" s="368"/>
    </row>
    <row r="175" spans="1:8" s="180" customFormat="1" ht="30.75" customHeight="1">
      <c r="A175" s="129"/>
      <c r="B175" s="174"/>
      <c r="C175" s="181"/>
      <c r="D175" s="182"/>
      <c r="E175" s="369" t="s">
        <v>180</v>
      </c>
      <c r="F175" s="191">
        <v>2</v>
      </c>
      <c r="G175" s="645" t="s">
        <v>982</v>
      </c>
      <c r="H175" s="876"/>
    </row>
    <row r="176" spans="1:8" s="180" customFormat="1" ht="24">
      <c r="A176" s="185"/>
      <c r="B176" s="185"/>
      <c r="C176" s="186"/>
      <c r="D176" s="187"/>
      <c r="E176" s="188" t="s">
        <v>12</v>
      </c>
      <c r="F176" s="189"/>
      <c r="G176" s="193" t="s">
        <v>306</v>
      </c>
      <c r="H176" s="876"/>
    </row>
    <row r="177" spans="1:8" s="180" customFormat="1" ht="17.25" customHeight="1">
      <c r="A177" s="185"/>
      <c r="B177" s="185"/>
      <c r="C177" s="196"/>
      <c r="D177" s="197"/>
      <c r="F177" s="191">
        <v>3</v>
      </c>
      <c r="G177" s="198" t="s">
        <v>345</v>
      </c>
      <c r="H177" s="372"/>
    </row>
    <row r="178" spans="1:8" s="180" customFormat="1" ht="27.75">
      <c r="A178" s="129"/>
      <c r="B178" s="174"/>
      <c r="C178" s="181"/>
      <c r="D178" s="182"/>
      <c r="E178" s="370"/>
      <c r="F178" s="191">
        <v>4</v>
      </c>
      <c r="G178" s="192" t="s">
        <v>346</v>
      </c>
      <c r="H178" s="876"/>
    </row>
    <row r="179" spans="1:8" s="180" customFormat="1" ht="24">
      <c r="A179" s="185"/>
      <c r="B179" s="185"/>
      <c r="C179" s="186"/>
      <c r="D179" s="187"/>
      <c r="E179" s="188"/>
      <c r="F179" s="189"/>
      <c r="G179" s="193" t="s">
        <v>303</v>
      </c>
      <c r="H179" s="876"/>
    </row>
    <row r="180" spans="1:8" s="180" customFormat="1" ht="14.25">
      <c r="A180" s="185"/>
      <c r="B180" s="185"/>
      <c r="C180" s="186"/>
      <c r="D180" s="187"/>
      <c r="E180" s="188"/>
      <c r="F180" s="191">
        <v>5</v>
      </c>
      <c r="G180" s="223" t="s">
        <v>347</v>
      </c>
      <c r="H180" s="887"/>
    </row>
    <row r="181" spans="1:8" s="180" customFormat="1" ht="22.5" customHeight="1">
      <c r="A181" s="185"/>
      <c r="B181" s="185"/>
      <c r="C181" s="186"/>
      <c r="D181" s="187"/>
      <c r="E181" s="188"/>
      <c r="F181" s="202"/>
      <c r="G181" s="224" t="s">
        <v>304</v>
      </c>
      <c r="H181" s="888"/>
    </row>
    <row r="182" spans="1:8" s="180" customFormat="1" ht="14.25">
      <c r="A182" s="185"/>
      <c r="B182" s="185"/>
      <c r="C182" s="186"/>
      <c r="D182" s="187"/>
      <c r="E182" s="188"/>
      <c r="F182" s="202"/>
      <c r="G182" s="184" t="s">
        <v>200</v>
      </c>
      <c r="H182" s="888"/>
    </row>
    <row r="183" spans="1:8" s="180" customFormat="1" ht="14.25">
      <c r="A183" s="185"/>
      <c r="B183" s="185"/>
      <c r="C183" s="186"/>
      <c r="D183" s="187"/>
      <c r="E183" s="188"/>
      <c r="F183" s="202"/>
      <c r="G183" s="292" t="s">
        <v>305</v>
      </c>
      <c r="H183" s="889"/>
    </row>
    <row r="184" spans="1:8" s="180" customFormat="1" ht="14.25">
      <c r="A184" s="185"/>
      <c r="B184" s="185"/>
      <c r="C184" s="303">
        <v>24</v>
      </c>
      <c r="D184" s="257" t="s">
        <v>519</v>
      </c>
      <c r="E184" s="194"/>
      <c r="F184" s="178"/>
      <c r="G184" s="195"/>
      <c r="H184" s="109"/>
    </row>
    <row r="185" spans="1:8" s="180" customFormat="1" ht="25.5">
      <c r="A185" s="129"/>
      <c r="B185" s="174"/>
      <c r="C185" s="181"/>
      <c r="D185" s="182"/>
      <c r="E185" s="256" t="s">
        <v>224</v>
      </c>
      <c r="F185" s="191">
        <v>1</v>
      </c>
      <c r="G185" s="192" t="s">
        <v>520</v>
      </c>
      <c r="H185" s="368"/>
    </row>
    <row r="186" spans="1:8" s="180" customFormat="1">
      <c r="A186" s="129"/>
      <c r="B186" s="174"/>
      <c r="C186" s="181"/>
      <c r="D186" s="182"/>
      <c r="E186" s="369" t="s">
        <v>180</v>
      </c>
      <c r="F186" s="191">
        <v>2</v>
      </c>
      <c r="G186" s="192" t="s">
        <v>348</v>
      </c>
      <c r="H186" s="876"/>
    </row>
    <row r="187" spans="1:8" s="180" customFormat="1" ht="14.25">
      <c r="A187" s="185"/>
      <c r="B187" s="185"/>
      <c r="C187" s="186"/>
      <c r="D187" s="187"/>
      <c r="E187" s="188" t="s">
        <v>12</v>
      </c>
      <c r="F187" s="189"/>
      <c r="G187" s="193" t="s">
        <v>294</v>
      </c>
      <c r="H187" s="876"/>
    </row>
    <row r="188" spans="1:8" s="180" customFormat="1" ht="14.25">
      <c r="A188" s="185"/>
      <c r="B188" s="185"/>
      <c r="C188" s="303">
        <v>25</v>
      </c>
      <c r="D188" s="257" t="s">
        <v>521</v>
      </c>
      <c r="E188" s="194"/>
      <c r="F188" s="178"/>
      <c r="G188" s="195"/>
      <c r="H188" s="109"/>
    </row>
    <row r="189" spans="1:8" s="180" customFormat="1" ht="25.5">
      <c r="A189" s="129"/>
      <c r="B189" s="174"/>
      <c r="C189" s="181"/>
      <c r="D189" s="182"/>
      <c r="E189" s="256" t="s">
        <v>224</v>
      </c>
      <c r="F189" s="191">
        <v>1</v>
      </c>
      <c r="G189" s="192" t="s">
        <v>520</v>
      </c>
      <c r="H189" s="368"/>
    </row>
    <row r="190" spans="1:8" s="180" customFormat="1" ht="25.5">
      <c r="A190" s="129"/>
      <c r="B190" s="174"/>
      <c r="C190" s="181"/>
      <c r="D190" s="182"/>
      <c r="E190" s="278" t="s">
        <v>318</v>
      </c>
      <c r="F190" s="191">
        <v>2</v>
      </c>
      <c r="G190" s="192" t="s">
        <v>522</v>
      </c>
      <c r="H190" s="368" t="s">
        <v>87</v>
      </c>
    </row>
    <row r="191" spans="1:8" s="180" customFormat="1" ht="14.25">
      <c r="A191" s="185"/>
      <c r="B191" s="185"/>
      <c r="C191" s="303">
        <v>26</v>
      </c>
      <c r="D191" s="257" t="s">
        <v>437</v>
      </c>
      <c r="E191" s="194"/>
      <c r="F191" s="178"/>
      <c r="G191" s="195"/>
      <c r="H191" s="109"/>
    </row>
    <row r="192" spans="1:8" s="180" customFormat="1" ht="25.5">
      <c r="A192" s="129"/>
      <c r="B192" s="174"/>
      <c r="C192" s="181"/>
      <c r="D192" s="182"/>
      <c r="E192" s="256" t="s">
        <v>224</v>
      </c>
      <c r="F192" s="191">
        <v>1</v>
      </c>
      <c r="G192" s="192" t="s">
        <v>523</v>
      </c>
      <c r="H192" s="368"/>
    </row>
    <row r="193" spans="1:9" s="180" customFormat="1" ht="25.5">
      <c r="A193" s="129"/>
      <c r="B193" s="174"/>
      <c r="C193" s="181"/>
      <c r="D193" s="182"/>
      <c r="E193" s="278" t="s">
        <v>318</v>
      </c>
      <c r="F193" s="191">
        <v>2</v>
      </c>
      <c r="G193" s="192" t="s">
        <v>434</v>
      </c>
      <c r="H193" s="368"/>
    </row>
    <row r="194" spans="1:9" s="180" customFormat="1" ht="14.25">
      <c r="A194" s="185"/>
      <c r="B194" s="185"/>
      <c r="C194" s="303">
        <v>27</v>
      </c>
      <c r="D194" s="257" t="s">
        <v>438</v>
      </c>
      <c r="E194" s="194"/>
      <c r="F194" s="178"/>
      <c r="G194" s="195"/>
      <c r="H194" s="109"/>
    </row>
    <row r="195" spans="1:9" ht="25.5">
      <c r="C195" s="181"/>
      <c r="D195" s="182"/>
      <c r="E195" s="256" t="s">
        <v>224</v>
      </c>
      <c r="F195" s="191">
        <v>1</v>
      </c>
      <c r="G195" s="198" t="s">
        <v>439</v>
      </c>
      <c r="H195" s="368"/>
    </row>
    <row r="196" spans="1:9" s="180" customFormat="1" ht="25.5">
      <c r="A196" s="129"/>
      <c r="B196" s="174"/>
      <c r="C196" s="181"/>
      <c r="D196" s="182"/>
      <c r="E196" s="278" t="s">
        <v>318</v>
      </c>
      <c r="F196" s="191">
        <v>2</v>
      </c>
      <c r="G196" s="295" t="s">
        <v>357</v>
      </c>
      <c r="H196" s="368"/>
    </row>
    <row r="197" spans="1:9" ht="31.5" customHeight="1">
      <c r="C197" s="181"/>
      <c r="D197" s="182"/>
      <c r="E197" s="180"/>
      <c r="F197" s="191">
        <v>3</v>
      </c>
      <c r="G197" s="644" t="s">
        <v>983</v>
      </c>
      <c r="H197" s="887"/>
    </row>
    <row r="198" spans="1:9" ht="29.25" customHeight="1">
      <c r="A198" s="18"/>
      <c r="B198" s="18"/>
      <c r="C198" s="304"/>
      <c r="D198" s="305"/>
      <c r="E198" s="371"/>
      <c r="F198" s="189"/>
      <c r="G198" s="203" t="s">
        <v>356</v>
      </c>
      <c r="H198" s="889"/>
    </row>
    <row r="199" spans="1:9" s="180" customFormat="1" ht="14.25">
      <c r="A199" s="185"/>
      <c r="B199" s="185"/>
      <c r="C199" s="303">
        <v>28</v>
      </c>
      <c r="D199" s="257" t="s">
        <v>634</v>
      </c>
      <c r="E199" s="194"/>
      <c r="F199" s="178"/>
      <c r="G199" s="195"/>
      <c r="H199" s="109"/>
    </row>
    <row r="200" spans="1:9" ht="25.5">
      <c r="C200" s="337"/>
      <c r="D200" s="338"/>
      <c r="E200" s="256" t="s">
        <v>224</v>
      </c>
      <c r="F200" s="191">
        <v>1</v>
      </c>
      <c r="G200" s="223" t="s">
        <v>635</v>
      </c>
      <c r="H200" s="339"/>
    </row>
    <row r="201" spans="1:9" s="180" customFormat="1">
      <c r="A201" s="129"/>
      <c r="B201" s="174"/>
      <c r="C201" s="337"/>
      <c r="D201" s="338"/>
      <c r="E201" s="369" t="s">
        <v>180</v>
      </c>
      <c r="F201" s="191">
        <v>2</v>
      </c>
      <c r="G201" s="352" t="s">
        <v>636</v>
      </c>
      <c r="H201" s="876"/>
    </row>
    <row r="202" spans="1:9" s="180" customFormat="1" ht="14.25">
      <c r="A202" s="185"/>
      <c r="B202" s="185"/>
      <c r="C202" s="340"/>
      <c r="D202" s="341"/>
      <c r="E202" s="188" t="s">
        <v>12</v>
      </c>
      <c r="F202" s="189"/>
      <c r="G202" s="224" t="s">
        <v>597</v>
      </c>
      <c r="H202" s="876"/>
    </row>
    <row r="203" spans="1:9" s="180" customFormat="1" ht="17.25" customHeight="1">
      <c r="A203" s="185"/>
      <c r="B203" s="185"/>
      <c r="C203" s="342"/>
      <c r="D203" s="343"/>
      <c r="E203" s="353"/>
      <c r="F203" s="293">
        <v>3</v>
      </c>
      <c r="G203" s="363" t="s">
        <v>637</v>
      </c>
      <c r="H203" s="368"/>
    </row>
    <row r="204" spans="1:9" s="180" customFormat="1">
      <c r="A204" s="129"/>
      <c r="B204" s="174"/>
      <c r="C204" s="210"/>
      <c r="E204" s="285"/>
      <c r="F204" s="77"/>
      <c r="G204" s="212"/>
      <c r="H204" s="284"/>
    </row>
    <row r="205" spans="1:9" s="180" customFormat="1">
      <c r="A205" s="129"/>
      <c r="B205" s="174"/>
      <c r="C205" s="210"/>
      <c r="E205" s="285"/>
      <c r="F205" s="77"/>
      <c r="G205" s="212"/>
      <c r="H205" s="284"/>
    </row>
    <row r="206" spans="1:9" s="180" customFormat="1">
      <c r="A206" s="129"/>
      <c r="B206" s="174"/>
      <c r="C206" s="210"/>
      <c r="E206" s="285"/>
      <c r="F206" s="77"/>
      <c r="G206" s="212"/>
      <c r="H206" s="284"/>
    </row>
    <row r="207" spans="1:9" s="180" customFormat="1" ht="14.25">
      <c r="A207" s="718" t="s">
        <v>355</v>
      </c>
      <c r="B207" s="718"/>
      <c r="C207" s="718"/>
      <c r="D207" s="718"/>
      <c r="E207" s="718"/>
      <c r="F207" s="718"/>
      <c r="G207" s="718"/>
      <c r="H207" s="718"/>
      <c r="I207" s="680"/>
    </row>
    <row r="208" spans="1:9" s="180" customFormat="1">
      <c r="A208" s="129"/>
      <c r="B208" s="174"/>
      <c r="C208" s="210"/>
      <c r="E208" s="210"/>
      <c r="F208" s="211"/>
      <c r="G208" s="212"/>
    </row>
    <row r="209" spans="7:7">
      <c r="G209" s="114"/>
    </row>
  </sheetData>
  <sheetProtection algorithmName="SHA-512" hashValue="D3zkPrthgoNPZU67TikOTP4axiJYPdecvumjNC3iIkkLCj+JQ0L2LR+GFXu44LfCMtqVm3xia0jUCr29jywKpQ==" saltValue="qeKSQDBaa7g+FTbxLPd+mw==" spinCount="100000" sheet="1" selectLockedCells="1"/>
  <mergeCells count="54">
    <mergeCell ref="A207:H207"/>
    <mergeCell ref="H201:H202"/>
    <mergeCell ref="H140:H141"/>
    <mergeCell ref="H29:H30"/>
    <mergeCell ref="H38:H39"/>
    <mergeCell ref="H31:H32"/>
    <mergeCell ref="H34:H35"/>
    <mergeCell ref="H53:H54"/>
    <mergeCell ref="H55:H56"/>
    <mergeCell ref="A77:H77"/>
    <mergeCell ref="H128:H129"/>
    <mergeCell ref="H143:H144"/>
    <mergeCell ref="H197:H198"/>
    <mergeCell ref="H186:H187"/>
    <mergeCell ref="H155:H156"/>
    <mergeCell ref="H157:H158"/>
    <mergeCell ref="H125:H126"/>
    <mergeCell ref="H152:H153"/>
    <mergeCell ref="H161:H162"/>
    <mergeCell ref="H180:H183"/>
    <mergeCell ref="H178:H179"/>
    <mergeCell ref="H175:H176"/>
    <mergeCell ref="H136:H137"/>
    <mergeCell ref="A148:H148"/>
    <mergeCell ref="H60:H61"/>
    <mergeCell ref="H63:H64"/>
    <mergeCell ref="H169:H172"/>
    <mergeCell ref="C79:E79"/>
    <mergeCell ref="H105:H106"/>
    <mergeCell ref="H83:H84"/>
    <mergeCell ref="H110:H111"/>
    <mergeCell ref="H112:H113"/>
    <mergeCell ref="H114:H117"/>
    <mergeCell ref="H131:H132"/>
    <mergeCell ref="H120:H123"/>
    <mergeCell ref="H134:H135"/>
    <mergeCell ref="H138:H139"/>
    <mergeCell ref="C150:E150"/>
    <mergeCell ref="H159:H160"/>
    <mergeCell ref="C6:E6"/>
    <mergeCell ref="H65:H66"/>
    <mergeCell ref="H43:H44"/>
    <mergeCell ref="H46:H47"/>
    <mergeCell ref="H58:H59"/>
    <mergeCell ref="H8:H9"/>
    <mergeCell ref="H10:H11"/>
    <mergeCell ref="H41:H42"/>
    <mergeCell ref="H19:H20"/>
    <mergeCell ref="H21:H22"/>
    <mergeCell ref="H26:H27"/>
    <mergeCell ref="H24:H25"/>
    <mergeCell ref="H36:H37"/>
    <mergeCell ref="H48:H49"/>
    <mergeCell ref="H51:H52"/>
  </mergeCells>
  <phoneticPr fontId="7"/>
  <conditionalFormatting sqref="H24 H34 H41 H46 H51 H63 H92 H98 H105 H119 H8 H164 H131 H19 H10 H53 H81:H82 H133 H154 H204:H206">
    <cfRule type="cellIs" dxfId="145" priority="227" stopIfTrue="1" operator="equal">
      <formula>"X"</formula>
    </cfRule>
  </conditionalFormatting>
  <conditionalFormatting sqref="H58">
    <cfRule type="cellIs" dxfId="144" priority="222" operator="equal">
      <formula>"X"</formula>
    </cfRule>
  </conditionalFormatting>
  <conditionalFormatting sqref="H21">
    <cfRule type="cellIs" dxfId="143" priority="221" stopIfTrue="1" operator="equal">
      <formula>"X"</formula>
    </cfRule>
  </conditionalFormatting>
  <conditionalFormatting sqref="H21 H204:H206">
    <cfRule type="cellIs" dxfId="142" priority="220" operator="equal">
      <formula>"X"</formula>
    </cfRule>
  </conditionalFormatting>
  <conditionalFormatting sqref="H14">
    <cfRule type="cellIs" dxfId="141" priority="217" stopIfTrue="1" operator="equal">
      <formula>"X"</formula>
    </cfRule>
  </conditionalFormatting>
  <conditionalFormatting sqref="H14">
    <cfRule type="cellIs" dxfId="140" priority="216" operator="equal">
      <formula>"X"</formula>
    </cfRule>
  </conditionalFormatting>
  <conditionalFormatting sqref="H15">
    <cfRule type="cellIs" dxfId="139" priority="215" stopIfTrue="1" operator="equal">
      <formula>"X"</formula>
    </cfRule>
  </conditionalFormatting>
  <conditionalFormatting sqref="H15">
    <cfRule type="cellIs" dxfId="138" priority="214" operator="equal">
      <formula>"X"</formula>
    </cfRule>
  </conditionalFormatting>
  <conditionalFormatting sqref="H16">
    <cfRule type="cellIs" dxfId="137" priority="213" stopIfTrue="1" operator="equal">
      <formula>"X"</formula>
    </cfRule>
  </conditionalFormatting>
  <conditionalFormatting sqref="H16">
    <cfRule type="cellIs" dxfId="136" priority="212" operator="equal">
      <formula>"X"</formula>
    </cfRule>
  </conditionalFormatting>
  <conditionalFormatting sqref="H17">
    <cfRule type="cellIs" dxfId="135" priority="211" stopIfTrue="1" operator="equal">
      <formula>"X"</formula>
    </cfRule>
  </conditionalFormatting>
  <conditionalFormatting sqref="H17">
    <cfRule type="cellIs" dxfId="134" priority="210" operator="equal">
      <formula>"X"</formula>
    </cfRule>
  </conditionalFormatting>
  <conditionalFormatting sqref="H26">
    <cfRule type="cellIs" dxfId="133" priority="209" stopIfTrue="1" operator="equal">
      <formula>"X"</formula>
    </cfRule>
  </conditionalFormatting>
  <conditionalFormatting sqref="H26">
    <cfRule type="cellIs" dxfId="132" priority="208" operator="equal">
      <formula>"X"</formula>
    </cfRule>
  </conditionalFormatting>
  <conditionalFormatting sqref="H36">
    <cfRule type="cellIs" dxfId="131" priority="205" stopIfTrue="1" operator="equal">
      <formula>"X"</formula>
    </cfRule>
  </conditionalFormatting>
  <conditionalFormatting sqref="H36">
    <cfRule type="cellIs" dxfId="130" priority="204" operator="equal">
      <formula>"X"</formula>
    </cfRule>
  </conditionalFormatting>
  <conditionalFormatting sqref="H38">
    <cfRule type="cellIs" dxfId="129" priority="203" stopIfTrue="1" operator="equal">
      <formula>"X"</formula>
    </cfRule>
  </conditionalFormatting>
  <conditionalFormatting sqref="H38">
    <cfRule type="cellIs" dxfId="128" priority="202" operator="equal">
      <formula>"X"</formula>
    </cfRule>
  </conditionalFormatting>
  <conditionalFormatting sqref="H43">
    <cfRule type="cellIs" dxfId="127" priority="197" stopIfTrue="1" operator="equal">
      <formula>"X"</formula>
    </cfRule>
  </conditionalFormatting>
  <conditionalFormatting sqref="H43">
    <cfRule type="cellIs" dxfId="126" priority="196" operator="equal">
      <formula>"X"</formula>
    </cfRule>
  </conditionalFormatting>
  <conditionalFormatting sqref="H48">
    <cfRule type="cellIs" dxfId="125" priority="195" stopIfTrue="1" operator="equal">
      <formula>"X"</formula>
    </cfRule>
  </conditionalFormatting>
  <conditionalFormatting sqref="H48">
    <cfRule type="cellIs" dxfId="124" priority="194" operator="equal">
      <formula>"X"</formula>
    </cfRule>
  </conditionalFormatting>
  <conditionalFormatting sqref="H55">
    <cfRule type="cellIs" dxfId="123" priority="193" stopIfTrue="1" operator="equal">
      <formula>"X"</formula>
    </cfRule>
  </conditionalFormatting>
  <conditionalFormatting sqref="H55">
    <cfRule type="cellIs" dxfId="122" priority="192" operator="equal">
      <formula>"X"</formula>
    </cfRule>
  </conditionalFormatting>
  <conditionalFormatting sqref="H60">
    <cfRule type="cellIs" dxfId="121" priority="191" stopIfTrue="1" operator="equal">
      <formula>"X"</formula>
    </cfRule>
  </conditionalFormatting>
  <conditionalFormatting sqref="H60">
    <cfRule type="cellIs" dxfId="120" priority="190" operator="equal">
      <formula>"X"</formula>
    </cfRule>
  </conditionalFormatting>
  <conditionalFormatting sqref="H65">
    <cfRule type="cellIs" dxfId="119" priority="189" stopIfTrue="1" operator="equal">
      <formula>"X"</formula>
    </cfRule>
  </conditionalFormatting>
  <conditionalFormatting sqref="H65">
    <cfRule type="cellIs" dxfId="118" priority="188" operator="equal">
      <formula>"X"</formula>
    </cfRule>
  </conditionalFormatting>
  <conditionalFormatting sqref="H83">
    <cfRule type="cellIs" dxfId="117" priority="187" stopIfTrue="1" operator="equal">
      <formula>"X"</formula>
    </cfRule>
  </conditionalFormatting>
  <conditionalFormatting sqref="H83">
    <cfRule type="cellIs" dxfId="116" priority="186" operator="equal">
      <formula>"X"</formula>
    </cfRule>
  </conditionalFormatting>
  <conditionalFormatting sqref="H107">
    <cfRule type="cellIs" dxfId="115" priority="185" stopIfTrue="1" operator="equal">
      <formula>"X"</formula>
    </cfRule>
  </conditionalFormatting>
  <conditionalFormatting sqref="H107">
    <cfRule type="cellIs" dxfId="114" priority="184" operator="equal">
      <formula>"X"</formula>
    </cfRule>
  </conditionalFormatting>
  <conditionalFormatting sqref="H145">
    <cfRule type="cellIs" dxfId="113" priority="175" stopIfTrue="1" operator="equal">
      <formula>"X"</formula>
    </cfRule>
  </conditionalFormatting>
  <conditionalFormatting sqref="H145">
    <cfRule type="cellIs" dxfId="112" priority="174" operator="equal">
      <formula>"X"</formula>
    </cfRule>
  </conditionalFormatting>
  <conditionalFormatting sqref="H165">
    <cfRule type="cellIs" dxfId="111" priority="171" stopIfTrue="1" operator="equal">
      <formula>"X"</formula>
    </cfRule>
  </conditionalFormatting>
  <conditionalFormatting sqref="H165">
    <cfRule type="cellIs" dxfId="110" priority="170" operator="equal">
      <formula>"X"</formula>
    </cfRule>
  </conditionalFormatting>
  <conditionalFormatting sqref="H86">
    <cfRule type="cellIs" dxfId="109" priority="167" stopIfTrue="1" operator="equal">
      <formula>"X"</formula>
    </cfRule>
  </conditionalFormatting>
  <conditionalFormatting sqref="H86">
    <cfRule type="cellIs" dxfId="108" priority="166" operator="equal">
      <formula>"X"</formula>
    </cfRule>
  </conditionalFormatting>
  <conditionalFormatting sqref="H87">
    <cfRule type="cellIs" dxfId="107" priority="165" stopIfTrue="1" operator="equal">
      <formula>"X"</formula>
    </cfRule>
  </conditionalFormatting>
  <conditionalFormatting sqref="H87">
    <cfRule type="cellIs" dxfId="106" priority="164" operator="equal">
      <formula>"X"</formula>
    </cfRule>
  </conditionalFormatting>
  <conditionalFormatting sqref="H88">
    <cfRule type="cellIs" dxfId="105" priority="163" stopIfTrue="1" operator="equal">
      <formula>"X"</formula>
    </cfRule>
  </conditionalFormatting>
  <conditionalFormatting sqref="H88">
    <cfRule type="cellIs" dxfId="104" priority="162" operator="equal">
      <formula>"X"</formula>
    </cfRule>
  </conditionalFormatting>
  <conditionalFormatting sqref="H89">
    <cfRule type="cellIs" dxfId="103" priority="161" stopIfTrue="1" operator="equal">
      <formula>"X"</formula>
    </cfRule>
  </conditionalFormatting>
  <conditionalFormatting sqref="H89">
    <cfRule type="cellIs" dxfId="102" priority="160" operator="equal">
      <formula>"X"</formula>
    </cfRule>
  </conditionalFormatting>
  <conditionalFormatting sqref="H90">
    <cfRule type="cellIs" dxfId="101" priority="159" stopIfTrue="1" operator="equal">
      <formula>"X"</formula>
    </cfRule>
  </conditionalFormatting>
  <conditionalFormatting sqref="H90">
    <cfRule type="cellIs" dxfId="100" priority="158" operator="equal">
      <formula>"X"</formula>
    </cfRule>
  </conditionalFormatting>
  <conditionalFormatting sqref="H94">
    <cfRule type="cellIs" dxfId="99" priority="157" stopIfTrue="1" operator="equal">
      <formula>"X"</formula>
    </cfRule>
  </conditionalFormatting>
  <conditionalFormatting sqref="H94">
    <cfRule type="cellIs" dxfId="98" priority="156" operator="equal">
      <formula>"X"</formula>
    </cfRule>
  </conditionalFormatting>
  <conditionalFormatting sqref="H95">
    <cfRule type="cellIs" dxfId="97" priority="155" stopIfTrue="1" operator="equal">
      <formula>"X"</formula>
    </cfRule>
  </conditionalFormatting>
  <conditionalFormatting sqref="H95">
    <cfRule type="cellIs" dxfId="96" priority="154" operator="equal">
      <formula>"X"</formula>
    </cfRule>
  </conditionalFormatting>
  <conditionalFormatting sqref="H96">
    <cfRule type="cellIs" dxfId="95" priority="153" stopIfTrue="1" operator="equal">
      <formula>"X"</formula>
    </cfRule>
  </conditionalFormatting>
  <conditionalFormatting sqref="H96">
    <cfRule type="cellIs" dxfId="94" priority="152" operator="equal">
      <formula>"X"</formula>
    </cfRule>
  </conditionalFormatting>
  <conditionalFormatting sqref="H100">
    <cfRule type="cellIs" dxfId="93" priority="151" stopIfTrue="1" operator="equal">
      <formula>"X"</formula>
    </cfRule>
  </conditionalFormatting>
  <conditionalFormatting sqref="H100">
    <cfRule type="cellIs" dxfId="92" priority="150" operator="equal">
      <formula>"X"</formula>
    </cfRule>
  </conditionalFormatting>
  <conditionalFormatting sqref="H101">
    <cfRule type="cellIs" dxfId="91" priority="149" stopIfTrue="1" operator="equal">
      <formula>"X"</formula>
    </cfRule>
  </conditionalFormatting>
  <conditionalFormatting sqref="H101">
    <cfRule type="cellIs" dxfId="90" priority="148" operator="equal">
      <formula>"X"</formula>
    </cfRule>
  </conditionalFormatting>
  <conditionalFormatting sqref="H102">
    <cfRule type="cellIs" dxfId="89" priority="147" stopIfTrue="1" operator="equal">
      <formula>"X"</formula>
    </cfRule>
  </conditionalFormatting>
  <conditionalFormatting sqref="H102">
    <cfRule type="cellIs" dxfId="88" priority="146" operator="equal">
      <formula>"X"</formula>
    </cfRule>
  </conditionalFormatting>
  <conditionalFormatting sqref="H103">
    <cfRule type="cellIs" dxfId="87" priority="145" stopIfTrue="1" operator="equal">
      <formula>"X"</formula>
    </cfRule>
  </conditionalFormatting>
  <conditionalFormatting sqref="H103">
    <cfRule type="cellIs" dxfId="86" priority="144" operator="equal">
      <formula>"X"</formula>
    </cfRule>
  </conditionalFormatting>
  <conditionalFormatting sqref="H120">
    <cfRule type="cellIs" dxfId="85" priority="143" stopIfTrue="1" operator="equal">
      <formula>"X"</formula>
    </cfRule>
  </conditionalFormatting>
  <conditionalFormatting sqref="H120">
    <cfRule type="cellIs" dxfId="84" priority="142" operator="equal">
      <formula>"X"</formula>
    </cfRule>
  </conditionalFormatting>
  <conditionalFormatting sqref="H167">
    <cfRule type="cellIs" dxfId="83" priority="141" stopIfTrue="1" operator="equal">
      <formula>"X"</formula>
    </cfRule>
  </conditionalFormatting>
  <conditionalFormatting sqref="H168">
    <cfRule type="cellIs" dxfId="82" priority="140" stopIfTrue="1" operator="equal">
      <formula>"X"</formula>
    </cfRule>
  </conditionalFormatting>
  <conditionalFormatting sqref="H168">
    <cfRule type="cellIs" dxfId="81" priority="139" operator="equal">
      <formula>"X"</formula>
    </cfRule>
  </conditionalFormatting>
  <conditionalFormatting sqref="H169">
    <cfRule type="cellIs" dxfId="80" priority="138" stopIfTrue="1" operator="equal">
      <formula>"X"</formula>
    </cfRule>
  </conditionalFormatting>
  <conditionalFormatting sqref="H169">
    <cfRule type="cellIs" dxfId="79" priority="137" operator="equal">
      <formula>"X"</formula>
    </cfRule>
  </conditionalFormatting>
  <conditionalFormatting sqref="H109">
    <cfRule type="cellIs" dxfId="78" priority="136" stopIfTrue="1" operator="equal">
      <formula>"X"</formula>
    </cfRule>
  </conditionalFormatting>
  <conditionalFormatting sqref="H110">
    <cfRule type="cellIs" dxfId="77" priority="135" stopIfTrue="1" operator="equal">
      <formula>"X"</formula>
    </cfRule>
  </conditionalFormatting>
  <conditionalFormatting sqref="H110">
    <cfRule type="cellIs" dxfId="76" priority="134" operator="equal">
      <formula>"X"</formula>
    </cfRule>
  </conditionalFormatting>
  <conditionalFormatting sqref="H112">
    <cfRule type="cellIs" dxfId="75" priority="133" stopIfTrue="1" operator="equal">
      <formula>"X"</formula>
    </cfRule>
  </conditionalFormatting>
  <conditionalFormatting sqref="H112">
    <cfRule type="cellIs" dxfId="74" priority="132" operator="equal">
      <formula>"X"</formula>
    </cfRule>
  </conditionalFormatting>
  <conditionalFormatting sqref="H114">
    <cfRule type="cellIs" dxfId="73" priority="129" stopIfTrue="1" operator="equal">
      <formula>"X"</formula>
    </cfRule>
  </conditionalFormatting>
  <conditionalFormatting sqref="H114">
    <cfRule type="cellIs" dxfId="72" priority="128" operator="equal">
      <formula>"X"</formula>
    </cfRule>
  </conditionalFormatting>
  <conditionalFormatting sqref="H29">
    <cfRule type="cellIs" dxfId="71" priority="127" stopIfTrue="1" operator="equal">
      <formula>"X"</formula>
    </cfRule>
  </conditionalFormatting>
  <conditionalFormatting sqref="H140">
    <cfRule type="cellIs" dxfId="70" priority="110" stopIfTrue="1" operator="equal">
      <formula>"X"</formula>
    </cfRule>
  </conditionalFormatting>
  <conditionalFormatting sqref="H136">
    <cfRule type="cellIs" dxfId="69" priority="114" stopIfTrue="1" operator="equal">
      <formula>"X"</formula>
    </cfRule>
  </conditionalFormatting>
  <conditionalFormatting sqref="H136">
    <cfRule type="cellIs" dxfId="68" priority="113" operator="equal">
      <formula>"X"</formula>
    </cfRule>
  </conditionalFormatting>
  <conditionalFormatting sqref="H138">
    <cfRule type="cellIs" dxfId="67" priority="112" stopIfTrue="1" operator="equal">
      <formula>"X"</formula>
    </cfRule>
  </conditionalFormatting>
  <conditionalFormatting sqref="H138">
    <cfRule type="cellIs" dxfId="66" priority="111" operator="equal">
      <formula>"X"</formula>
    </cfRule>
  </conditionalFormatting>
  <conditionalFormatting sqref="H140">
    <cfRule type="cellIs" dxfId="65" priority="109" operator="equal">
      <formula>"X"</formula>
    </cfRule>
  </conditionalFormatting>
  <conditionalFormatting sqref="H143">
    <cfRule type="cellIs" dxfId="64" priority="105" stopIfTrue="1" operator="equal">
      <formula>"X"</formula>
    </cfRule>
  </conditionalFormatting>
  <conditionalFormatting sqref="H152">
    <cfRule type="cellIs" dxfId="63" priority="92" stopIfTrue="1" operator="equal">
      <formula>"X"</formula>
    </cfRule>
  </conditionalFormatting>
  <conditionalFormatting sqref="H134">
    <cfRule type="cellIs" dxfId="62" priority="80" stopIfTrue="1" operator="equal">
      <formula>"X"</formula>
    </cfRule>
  </conditionalFormatting>
  <conditionalFormatting sqref="H134">
    <cfRule type="cellIs" dxfId="61" priority="79" operator="equal">
      <formula>"X"</formula>
    </cfRule>
  </conditionalFormatting>
  <conditionalFormatting sqref="H161">
    <cfRule type="cellIs" dxfId="60" priority="74" stopIfTrue="1" operator="equal">
      <formula>"X"</formula>
    </cfRule>
  </conditionalFormatting>
  <conditionalFormatting sqref="H157">
    <cfRule type="cellIs" dxfId="59" priority="78" stopIfTrue="1" operator="equal">
      <formula>"X"</formula>
    </cfRule>
  </conditionalFormatting>
  <conditionalFormatting sqref="H157">
    <cfRule type="cellIs" dxfId="58" priority="77" operator="equal">
      <formula>"X"</formula>
    </cfRule>
  </conditionalFormatting>
  <conditionalFormatting sqref="H159">
    <cfRule type="cellIs" dxfId="57" priority="76" stopIfTrue="1" operator="equal">
      <formula>"X"</formula>
    </cfRule>
  </conditionalFormatting>
  <conditionalFormatting sqref="H159">
    <cfRule type="cellIs" dxfId="56" priority="75" operator="equal">
      <formula>"X"</formula>
    </cfRule>
  </conditionalFormatting>
  <conditionalFormatting sqref="H161">
    <cfRule type="cellIs" dxfId="55" priority="73" operator="equal">
      <formula>"X"</formula>
    </cfRule>
  </conditionalFormatting>
  <conditionalFormatting sqref="H155">
    <cfRule type="cellIs" dxfId="54" priority="72" stopIfTrue="1" operator="equal">
      <formula>"X"</formula>
    </cfRule>
  </conditionalFormatting>
  <conditionalFormatting sqref="H155">
    <cfRule type="cellIs" dxfId="53" priority="71" operator="equal">
      <formula>"X"</formula>
    </cfRule>
  </conditionalFormatting>
  <conditionalFormatting sqref="H177">
    <cfRule type="cellIs" dxfId="52" priority="69" stopIfTrue="1" operator="equal">
      <formula>"X"</formula>
    </cfRule>
  </conditionalFormatting>
  <conditionalFormatting sqref="H177">
    <cfRule type="cellIs" dxfId="51" priority="68" operator="equal">
      <formula>"X"</formula>
    </cfRule>
  </conditionalFormatting>
  <conditionalFormatting sqref="H180">
    <cfRule type="cellIs" dxfId="50" priority="65" stopIfTrue="1" operator="equal">
      <formula>"X"</formula>
    </cfRule>
  </conditionalFormatting>
  <conditionalFormatting sqref="H180">
    <cfRule type="cellIs" dxfId="49" priority="64" operator="equal">
      <formula>"X"</formula>
    </cfRule>
  </conditionalFormatting>
  <conditionalFormatting sqref="H178">
    <cfRule type="cellIs" dxfId="48" priority="63" stopIfTrue="1" operator="equal">
      <formula>"X"</formula>
    </cfRule>
  </conditionalFormatting>
  <conditionalFormatting sqref="H178">
    <cfRule type="cellIs" dxfId="47" priority="62" operator="equal">
      <formula>"X"</formula>
    </cfRule>
  </conditionalFormatting>
  <conditionalFormatting sqref="H175">
    <cfRule type="cellIs" dxfId="46" priority="61" stopIfTrue="1" operator="equal">
      <formula>"X"</formula>
    </cfRule>
  </conditionalFormatting>
  <conditionalFormatting sqref="H175">
    <cfRule type="cellIs" dxfId="45" priority="60" operator="equal">
      <formula>"X"</formula>
    </cfRule>
  </conditionalFormatting>
  <conditionalFormatting sqref="H174">
    <cfRule type="cellIs" dxfId="44" priority="59" stopIfTrue="1" operator="equal">
      <formula>"X"</formula>
    </cfRule>
  </conditionalFormatting>
  <conditionalFormatting sqref="H186">
    <cfRule type="cellIs" dxfId="43" priority="58" stopIfTrue="1" operator="equal">
      <formula>"X"</formula>
    </cfRule>
  </conditionalFormatting>
  <conditionalFormatting sqref="H186">
    <cfRule type="cellIs" dxfId="42" priority="57" operator="equal">
      <formula>"X"</formula>
    </cfRule>
  </conditionalFormatting>
  <conditionalFormatting sqref="H185">
    <cfRule type="cellIs" dxfId="41" priority="56" stopIfTrue="1" operator="equal">
      <formula>"X"</formula>
    </cfRule>
  </conditionalFormatting>
  <conditionalFormatting sqref="H192">
    <cfRule type="cellIs" dxfId="40" priority="53" stopIfTrue="1" operator="equal">
      <formula>"X"</formula>
    </cfRule>
  </conditionalFormatting>
  <conditionalFormatting sqref="H193">
    <cfRule type="cellIs" dxfId="39" priority="52" stopIfTrue="1" operator="equal">
      <formula>"X"</formula>
    </cfRule>
  </conditionalFormatting>
  <conditionalFormatting sqref="H193">
    <cfRule type="cellIs" dxfId="38" priority="51" operator="equal">
      <formula>"X"</formula>
    </cfRule>
  </conditionalFormatting>
  <conditionalFormatting sqref="H189">
    <cfRule type="cellIs" dxfId="37" priority="39" stopIfTrue="1" operator="equal">
      <formula>"X"</formula>
    </cfRule>
  </conditionalFormatting>
  <conditionalFormatting sqref="H190">
    <cfRule type="cellIs" dxfId="36" priority="38" stopIfTrue="1" operator="equal">
      <formula>"X"</formula>
    </cfRule>
  </conditionalFormatting>
  <conditionalFormatting sqref="H190">
    <cfRule type="cellIs" dxfId="35" priority="37" operator="equal">
      <formula>"X"</formula>
    </cfRule>
  </conditionalFormatting>
  <conditionalFormatting sqref="H31">
    <cfRule type="cellIs" dxfId="34" priority="36" stopIfTrue="1" operator="equal">
      <formula>"X"</formula>
    </cfRule>
  </conditionalFormatting>
  <conditionalFormatting sqref="H31">
    <cfRule type="cellIs" dxfId="33" priority="35" operator="equal">
      <formula>"X"</formula>
    </cfRule>
  </conditionalFormatting>
  <conditionalFormatting sqref="H195">
    <cfRule type="cellIs" dxfId="32" priority="34" stopIfTrue="1" operator="equal">
      <formula>"X"</formula>
    </cfRule>
  </conditionalFormatting>
  <conditionalFormatting sqref="H197">
    <cfRule type="cellIs" dxfId="31" priority="33" stopIfTrue="1" operator="equal">
      <formula>"X"</formula>
    </cfRule>
  </conditionalFormatting>
  <conditionalFormatting sqref="H197">
    <cfRule type="cellIs" dxfId="30" priority="32" operator="equal">
      <formula>"X"</formula>
    </cfRule>
  </conditionalFormatting>
  <conditionalFormatting sqref="H196">
    <cfRule type="cellIs" dxfId="29" priority="31" stopIfTrue="1" operator="equal">
      <formula>"X"</formula>
    </cfRule>
  </conditionalFormatting>
  <conditionalFormatting sqref="H196">
    <cfRule type="cellIs" dxfId="28" priority="30" operator="equal">
      <formula>"X"</formula>
    </cfRule>
  </conditionalFormatting>
  <conditionalFormatting sqref="H125">
    <cfRule type="cellIs" dxfId="27" priority="27" stopIfTrue="1" operator="equal">
      <formula>"X"</formula>
    </cfRule>
  </conditionalFormatting>
  <conditionalFormatting sqref="H127">
    <cfRule type="cellIs" dxfId="26" priority="21" stopIfTrue="1" operator="equal">
      <formula>"X"</formula>
    </cfRule>
  </conditionalFormatting>
  <conditionalFormatting sqref="H127">
    <cfRule type="cellIs" dxfId="25" priority="20" operator="equal">
      <formula>"X"</formula>
    </cfRule>
  </conditionalFormatting>
  <conditionalFormatting sqref="H128">
    <cfRule type="cellIs" dxfId="24" priority="15" stopIfTrue="1" operator="equal">
      <formula>"X"</formula>
    </cfRule>
  </conditionalFormatting>
  <conditionalFormatting sqref="H128">
    <cfRule type="cellIs" dxfId="23" priority="14" operator="equal">
      <formula>"X"</formula>
    </cfRule>
  </conditionalFormatting>
  <conditionalFormatting sqref="H200">
    <cfRule type="cellIs" dxfId="22" priority="13" stopIfTrue="1" operator="equal">
      <formula>"X"</formula>
    </cfRule>
  </conditionalFormatting>
  <conditionalFormatting sqref="H201">
    <cfRule type="cellIs" dxfId="21" priority="4" stopIfTrue="1" operator="equal">
      <formula>"X"</formula>
    </cfRule>
  </conditionalFormatting>
  <conditionalFormatting sqref="H201">
    <cfRule type="cellIs" dxfId="20" priority="3" operator="equal">
      <formula>"X"</formula>
    </cfRule>
  </conditionalFormatting>
  <conditionalFormatting sqref="H203">
    <cfRule type="cellIs" dxfId="19" priority="2" stopIfTrue="1" operator="equal">
      <formula>"X"</formula>
    </cfRule>
  </conditionalFormatting>
  <conditionalFormatting sqref="H203">
    <cfRule type="cellIs" dxfId="18" priority="1" operator="equal">
      <formula>"X"</formula>
    </cfRule>
  </conditionalFormatting>
  <dataValidations count="1">
    <dataValidation type="list" allowBlank="1" showInputMessage="1" showErrorMessage="1" sqref="H55 H21 H100:H103 H29 H81:H83 H53 H10 H26 H38 H107 H98 H60 H43 H19 H14:H17 H8 H51 H46 H41 H36 H34 H24 H92 H65 H63 H58 H86:H90 H94:H96 H105 H164:H165 H131 H48 H119:H120 H167:H169 H112 H109:H110 H114 H140 H138 H152 H143 H136 H161 H159 H157 H133:H134 H154:H155 H180 H177:H178 H174:H175 H185:H186 H195:H197 H189:H190 H31 H192:H193 H125 H127:H128 H145 H203:H206 H200:H201" xr:uid="{00000000-0002-0000-0400-000000000000}">
      <formula1>"　,X"</formula1>
    </dataValidation>
  </dataValidations>
  <printOptions horizontalCentered="1"/>
  <pageMargins left="0.59055118110236227" right="0.59055118110236227" top="0.59055118110236227" bottom="0.19685039370078741" header="0.31496062992125984" footer="0.31496062992125984"/>
  <pageSetup paperSize="9" scale="65" fitToHeight="3" orientation="portrait" r:id="rId1"/>
  <headerFooter>
    <oddFooter>&amp;LB(appendix). Others&amp;RV.15.0 (revised on Oct. 2023)</oddFooter>
  </headerFooter>
  <rowBreaks count="2" manualBreakCount="2">
    <brk id="77" max="7" man="1"/>
    <brk id="148" max="7"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94F042-0CF9-488D-9C3A-A6D0F34E4234}">
  <sheetPr>
    <tabColor rgb="FFFFFF00"/>
    <pageSetUpPr fitToPage="1"/>
  </sheetPr>
  <dimension ref="A1:P72"/>
  <sheetViews>
    <sheetView showGridLines="0" view="pageBreakPreview" zoomScale="90" zoomScaleNormal="100" zoomScaleSheetLayoutView="90" zoomScalePageLayoutView="70" workbookViewId="0">
      <selection activeCell="H7" sqref="H7:H8"/>
    </sheetView>
  </sheetViews>
  <sheetFormatPr defaultColWidth="0.85546875" defaultRowHeight="15.75"/>
  <cols>
    <col min="1" max="1" width="2.140625" style="159" customWidth="1"/>
    <col min="2" max="2" width="1.85546875" style="511" customWidth="1"/>
    <col min="3" max="3" width="5.140625" style="512" bestFit="1" customWidth="1"/>
    <col min="4" max="4" width="3" style="161" customWidth="1"/>
    <col min="5" max="5" width="20" style="512" customWidth="1"/>
    <col min="6" max="6" width="5.42578125" style="513" bestFit="1" customWidth="1"/>
    <col min="7" max="7" width="98.85546875" style="514" customWidth="1"/>
    <col min="8" max="8" width="13.140625" style="161" customWidth="1"/>
    <col min="9" max="16384" width="0.85546875" style="161"/>
  </cols>
  <sheetData>
    <row r="1" spans="1:16">
      <c r="H1" s="515" t="s">
        <v>836</v>
      </c>
    </row>
    <row r="2" spans="1:16" ht="18">
      <c r="A2" s="159" t="s">
        <v>837</v>
      </c>
      <c r="O2" s="516"/>
      <c r="P2" s="517"/>
    </row>
    <row r="3" spans="1:16" ht="20.25">
      <c r="B3" s="511" t="s">
        <v>838</v>
      </c>
      <c r="C3" s="518"/>
      <c r="D3" s="519"/>
      <c r="E3" s="520"/>
      <c r="F3" s="521"/>
      <c r="G3" s="522"/>
      <c r="H3" s="519"/>
    </row>
    <row r="4" spans="1:16" ht="20.25">
      <c r="A4" s="523"/>
      <c r="B4" s="523" t="s">
        <v>839</v>
      </c>
      <c r="C4" s="518"/>
      <c r="D4" s="519"/>
      <c r="E4" s="520"/>
      <c r="F4" s="521"/>
      <c r="G4" s="522"/>
      <c r="H4" s="519"/>
    </row>
    <row r="5" spans="1:16" ht="31.5" customHeight="1" thickBot="1">
      <c r="B5" s="524"/>
      <c r="C5" s="890" t="s">
        <v>840</v>
      </c>
      <c r="D5" s="891"/>
      <c r="E5" s="892"/>
      <c r="F5" s="525" t="s">
        <v>13</v>
      </c>
      <c r="G5" s="526" t="s">
        <v>841</v>
      </c>
      <c r="H5" s="527" t="s">
        <v>842</v>
      </c>
      <c r="I5" s="528"/>
    </row>
    <row r="6" spans="1:16" ht="15.75" customHeight="1" thickTop="1">
      <c r="C6" s="181">
        <v>1</v>
      </c>
      <c r="D6" s="161" t="s">
        <v>843</v>
      </c>
      <c r="H6" s="529"/>
    </row>
    <row r="7" spans="1:16" ht="15.75" customHeight="1">
      <c r="C7" s="181"/>
      <c r="D7" s="182"/>
      <c r="E7" s="86" t="s">
        <v>527</v>
      </c>
      <c r="F7" s="530">
        <v>1</v>
      </c>
      <c r="G7" s="223" t="s">
        <v>844</v>
      </c>
      <c r="H7" s="893" t="s">
        <v>845</v>
      </c>
    </row>
    <row r="8" spans="1:16" ht="15.75" customHeight="1">
      <c r="A8" s="523"/>
      <c r="B8" s="523"/>
      <c r="C8" s="181"/>
      <c r="D8" s="182"/>
      <c r="E8" s="531" t="s">
        <v>11</v>
      </c>
      <c r="F8" s="532"/>
      <c r="G8" s="224" t="s">
        <v>846</v>
      </c>
      <c r="H8" s="893"/>
    </row>
    <row r="9" spans="1:16" ht="47.25" customHeight="1">
      <c r="C9" s="181"/>
      <c r="E9" s="894" t="s">
        <v>847</v>
      </c>
      <c r="F9" s="530">
        <v>2</v>
      </c>
      <c r="G9" s="688" t="s">
        <v>1118</v>
      </c>
      <c r="H9" s="533" t="s">
        <v>87</v>
      </c>
    </row>
    <row r="10" spans="1:16" ht="63" customHeight="1">
      <c r="C10" s="181"/>
      <c r="E10" s="895"/>
      <c r="F10" s="534">
        <v>3</v>
      </c>
      <c r="G10" s="687" t="s">
        <v>1117</v>
      </c>
      <c r="H10" s="533"/>
    </row>
    <row r="11" spans="1:16" ht="15.75" customHeight="1">
      <c r="C11" s="175">
        <v>2</v>
      </c>
      <c r="D11" s="176" t="s">
        <v>848</v>
      </c>
      <c r="E11" s="535"/>
      <c r="F11" s="536"/>
      <c r="G11" s="179"/>
      <c r="H11" s="946"/>
    </row>
    <row r="12" spans="1:16" ht="15.75" customHeight="1">
      <c r="C12" s="181"/>
      <c r="E12" s="538" t="s">
        <v>527</v>
      </c>
      <c r="F12" s="896">
        <v>1</v>
      </c>
      <c r="G12" s="897" t="s">
        <v>1107</v>
      </c>
      <c r="H12" s="893" t="s">
        <v>845</v>
      </c>
    </row>
    <row r="13" spans="1:16" ht="15.75" customHeight="1">
      <c r="C13" s="181"/>
      <c r="E13" s="539" t="s">
        <v>11</v>
      </c>
      <c r="F13" s="788"/>
      <c r="G13" s="898"/>
      <c r="H13" s="893"/>
    </row>
    <row r="14" spans="1:16" ht="31.5" customHeight="1">
      <c r="C14" s="181"/>
      <c r="E14" s="330" t="s">
        <v>847</v>
      </c>
      <c r="F14" s="536">
        <v>2</v>
      </c>
      <c r="G14" s="458" t="s">
        <v>1108</v>
      </c>
      <c r="H14" s="537" t="s">
        <v>845</v>
      </c>
    </row>
    <row r="15" spans="1:16" ht="15.75" customHeight="1">
      <c r="C15" s="181"/>
      <c r="E15" s="540" t="s">
        <v>1116</v>
      </c>
      <c r="F15" s="536"/>
      <c r="G15" s="179"/>
      <c r="H15" s="946"/>
    </row>
    <row r="16" spans="1:16" ht="15.75" customHeight="1">
      <c r="C16" s="175">
        <v>3</v>
      </c>
      <c r="D16" s="901" t="s">
        <v>850</v>
      </c>
      <c r="E16" s="902"/>
      <c r="F16" s="902"/>
      <c r="G16" s="902"/>
      <c r="H16" s="947"/>
    </row>
    <row r="17" spans="1:8" ht="15.75" customHeight="1">
      <c r="C17" s="181"/>
      <c r="D17" s="182"/>
      <c r="E17" s="903" t="s">
        <v>851</v>
      </c>
      <c r="F17" s="530">
        <v>1</v>
      </c>
      <c r="G17" s="645" t="s">
        <v>984</v>
      </c>
      <c r="H17" s="893" t="s">
        <v>845</v>
      </c>
    </row>
    <row r="18" spans="1:8" ht="15.75" customHeight="1">
      <c r="A18" s="523"/>
      <c r="B18" s="523"/>
      <c r="C18" s="181"/>
      <c r="D18" s="182"/>
      <c r="E18" s="904"/>
      <c r="F18" s="532"/>
      <c r="G18" s="193" t="s">
        <v>975</v>
      </c>
      <c r="H18" s="893"/>
    </row>
    <row r="19" spans="1:8" ht="15.75" customHeight="1">
      <c r="A19" s="523"/>
      <c r="B19" s="523"/>
      <c r="C19" s="181"/>
      <c r="D19" s="182"/>
      <c r="E19" s="905"/>
      <c r="F19" s="541">
        <v>2</v>
      </c>
      <c r="G19" s="542" t="s">
        <v>1115</v>
      </c>
      <c r="H19" s="533" t="s">
        <v>845</v>
      </c>
    </row>
    <row r="20" spans="1:8" ht="15.75" customHeight="1">
      <c r="C20" s="181"/>
      <c r="E20" s="899" t="s">
        <v>847</v>
      </c>
      <c r="F20" s="896">
        <v>3</v>
      </c>
      <c r="G20" s="646" t="s">
        <v>985</v>
      </c>
      <c r="H20" s="900"/>
    </row>
    <row r="21" spans="1:8" ht="15.75" customHeight="1">
      <c r="C21" s="181"/>
      <c r="E21" s="899"/>
      <c r="F21" s="768"/>
      <c r="G21" s="224" t="s">
        <v>986</v>
      </c>
      <c r="H21" s="952"/>
    </row>
    <row r="22" spans="1:8" ht="15.75" customHeight="1">
      <c r="C22" s="181"/>
      <c r="E22" s="899"/>
      <c r="F22" s="768"/>
      <c r="G22" s="223" t="s">
        <v>852</v>
      </c>
      <c r="H22" s="952"/>
    </row>
    <row r="23" spans="1:8" ht="15.75" customHeight="1">
      <c r="C23" s="181"/>
      <c r="E23" s="899"/>
      <c r="F23" s="788"/>
      <c r="G23" s="544" t="s">
        <v>104</v>
      </c>
      <c r="H23" s="953"/>
    </row>
    <row r="24" spans="1:8" ht="15.75" customHeight="1">
      <c r="C24" s="175">
        <v>4</v>
      </c>
      <c r="D24" s="902" t="s">
        <v>853</v>
      </c>
      <c r="E24" s="902"/>
      <c r="F24" s="902"/>
      <c r="G24" s="902"/>
      <c r="H24" s="946"/>
    </row>
    <row r="25" spans="1:8" ht="15.75" customHeight="1">
      <c r="C25" s="181"/>
      <c r="E25" s="86" t="s">
        <v>527</v>
      </c>
      <c r="F25" s="906">
        <v>1</v>
      </c>
      <c r="G25" s="908" t="s">
        <v>1114</v>
      </c>
      <c r="H25" s="951" t="s">
        <v>1120</v>
      </c>
    </row>
    <row r="26" spans="1:8" ht="15.75" customHeight="1">
      <c r="C26" s="181"/>
      <c r="E26" s="531" t="s">
        <v>854</v>
      </c>
      <c r="F26" s="907"/>
      <c r="G26" s="898"/>
      <c r="H26" s="893"/>
    </row>
    <row r="27" spans="1:8" ht="15.75" customHeight="1">
      <c r="C27" s="181"/>
      <c r="E27" s="899" t="s">
        <v>847</v>
      </c>
      <c r="F27" s="530">
        <v>2</v>
      </c>
      <c r="G27" s="684" t="s">
        <v>1113</v>
      </c>
      <c r="H27" s="537"/>
    </row>
    <row r="28" spans="1:8" ht="15.75" customHeight="1">
      <c r="C28" s="181"/>
      <c r="E28" s="909"/>
      <c r="F28" s="534">
        <v>3</v>
      </c>
      <c r="G28" s="684" t="s">
        <v>1112</v>
      </c>
      <c r="H28" s="533"/>
    </row>
    <row r="29" spans="1:8" ht="15.75" customHeight="1">
      <c r="C29" s="181"/>
      <c r="E29" s="545"/>
      <c r="G29" s="179"/>
      <c r="H29" s="948"/>
    </row>
    <row r="30" spans="1:8" ht="15.75" customHeight="1">
      <c r="C30" s="175">
        <v>5</v>
      </c>
      <c r="D30" s="681" t="s">
        <v>1051</v>
      </c>
      <c r="E30" s="545"/>
      <c r="F30" s="546"/>
      <c r="G30" s="192"/>
      <c r="H30" s="949"/>
    </row>
    <row r="31" spans="1:8" ht="31.5" customHeight="1">
      <c r="C31" s="181"/>
      <c r="D31" s="182"/>
      <c r="E31" s="547" t="s">
        <v>851</v>
      </c>
      <c r="F31" s="534">
        <v>1</v>
      </c>
      <c r="G31" s="462" t="s">
        <v>1111</v>
      </c>
      <c r="H31" s="548"/>
    </row>
    <row r="32" spans="1:8" ht="15.75" customHeight="1">
      <c r="C32" s="181"/>
      <c r="E32" s="899" t="s">
        <v>847</v>
      </c>
      <c r="F32" s="896">
        <v>2</v>
      </c>
      <c r="G32" s="646" t="s">
        <v>985</v>
      </c>
      <c r="H32" s="900"/>
    </row>
    <row r="33" spans="2:14" ht="15.75" customHeight="1">
      <c r="C33" s="181"/>
      <c r="E33" s="899"/>
      <c r="F33" s="768"/>
      <c r="G33" s="224" t="s">
        <v>986</v>
      </c>
      <c r="H33" s="952"/>
    </row>
    <row r="34" spans="2:14" ht="15.75" customHeight="1">
      <c r="C34" s="181"/>
      <c r="E34" s="899"/>
      <c r="F34" s="768"/>
      <c r="G34" s="223" t="s">
        <v>852</v>
      </c>
      <c r="H34" s="952"/>
    </row>
    <row r="35" spans="2:14" ht="15.75" customHeight="1">
      <c r="C35" s="181"/>
      <c r="E35" s="899"/>
      <c r="F35" s="788"/>
      <c r="G35" s="544" t="s">
        <v>104</v>
      </c>
      <c r="H35" s="953"/>
    </row>
    <row r="36" spans="2:14" ht="15.75" customHeight="1">
      <c r="C36" s="181"/>
      <c r="E36" s="545"/>
      <c r="F36" s="536"/>
      <c r="G36" s="549"/>
      <c r="H36" s="946"/>
    </row>
    <row r="37" spans="2:14" ht="15.75" customHeight="1">
      <c r="B37" s="550"/>
      <c r="C37" s="175">
        <v>6</v>
      </c>
      <c r="D37" s="682" t="s">
        <v>1052</v>
      </c>
      <c r="E37" s="551"/>
      <c r="F37" s="536"/>
      <c r="G37" s="179"/>
      <c r="H37" s="946"/>
    </row>
    <row r="38" spans="2:14" ht="15.75" customHeight="1">
      <c r="B38" s="550"/>
      <c r="C38" s="181"/>
      <c r="E38" s="538" t="s">
        <v>527</v>
      </c>
      <c r="F38" s="896">
        <v>1</v>
      </c>
      <c r="G38" s="908" t="s">
        <v>855</v>
      </c>
      <c r="H38" s="893" t="s">
        <v>845</v>
      </c>
    </row>
    <row r="39" spans="2:14" ht="15.75" customHeight="1">
      <c r="B39" s="550"/>
      <c r="C39" s="181"/>
      <c r="E39" s="539" t="s">
        <v>11</v>
      </c>
      <c r="F39" s="788"/>
      <c r="G39" s="898"/>
      <c r="H39" s="893"/>
    </row>
    <row r="40" spans="2:14" ht="27.75">
      <c r="B40" s="550"/>
      <c r="C40" s="181"/>
      <c r="E40" s="330" t="s">
        <v>847</v>
      </c>
      <c r="F40" s="536">
        <v>2</v>
      </c>
      <c r="G40" s="458" t="s">
        <v>849</v>
      </c>
      <c r="H40" s="537" t="s">
        <v>845</v>
      </c>
    </row>
    <row r="41" spans="2:14">
      <c r="B41" s="550"/>
      <c r="C41" s="225"/>
      <c r="D41" s="353"/>
      <c r="E41" s="552"/>
      <c r="F41" s="553"/>
      <c r="G41" s="554"/>
      <c r="H41" s="949"/>
    </row>
    <row r="42" spans="2:14" ht="15.75" customHeight="1">
      <c r="B42" s="550"/>
      <c r="C42" s="175">
        <v>7</v>
      </c>
      <c r="D42" s="681" t="s">
        <v>1053</v>
      </c>
      <c r="E42" s="177"/>
      <c r="F42" s="536"/>
      <c r="G42" s="179"/>
      <c r="H42" s="946"/>
    </row>
    <row r="43" spans="2:14" ht="15.75" customHeight="1">
      <c r="B43" s="550"/>
      <c r="C43" s="181"/>
      <c r="E43" s="86" t="s">
        <v>527</v>
      </c>
      <c r="F43" s="896">
        <v>1</v>
      </c>
      <c r="G43" s="897" t="s">
        <v>1107</v>
      </c>
      <c r="H43" s="893" t="s">
        <v>87</v>
      </c>
    </row>
    <row r="44" spans="2:14" ht="15.75" customHeight="1">
      <c r="B44" s="550"/>
      <c r="C44" s="181"/>
      <c r="E44" s="531" t="s">
        <v>11</v>
      </c>
      <c r="F44" s="788"/>
      <c r="G44" s="898"/>
      <c r="H44" s="893"/>
    </row>
    <row r="45" spans="2:14" ht="31.5" customHeight="1">
      <c r="B45" s="550"/>
      <c r="C45" s="181"/>
      <c r="E45" s="330" t="s">
        <v>847</v>
      </c>
      <c r="F45" s="534">
        <v>2</v>
      </c>
      <c r="G45" s="458" t="s">
        <v>1108</v>
      </c>
      <c r="H45" s="533"/>
    </row>
    <row r="46" spans="2:14" ht="31.5" customHeight="1">
      <c r="B46" s="550"/>
      <c r="C46" s="181"/>
      <c r="E46" s="910" t="s">
        <v>1106</v>
      </c>
      <c r="F46" s="911"/>
      <c r="G46" s="911"/>
      <c r="H46" s="912"/>
      <c r="I46" s="491"/>
      <c r="J46" s="491"/>
      <c r="K46" s="491"/>
      <c r="L46" s="491"/>
      <c r="M46" s="491"/>
      <c r="N46" s="491"/>
    </row>
    <row r="47" spans="2:14" ht="31.5" customHeight="1">
      <c r="B47" s="550"/>
      <c r="C47" s="181"/>
      <c r="E47" s="814"/>
      <c r="F47" s="814"/>
      <c r="G47" s="814"/>
      <c r="H47" s="913"/>
      <c r="I47" s="491"/>
      <c r="J47" s="491"/>
      <c r="K47" s="491"/>
      <c r="L47" s="491"/>
      <c r="M47" s="491"/>
      <c r="N47" s="491"/>
    </row>
    <row r="48" spans="2:14" ht="15.75" customHeight="1">
      <c r="B48" s="550"/>
      <c r="C48" s="181"/>
      <c r="E48" s="914" t="s">
        <v>1105</v>
      </c>
      <c r="F48" s="914"/>
      <c r="G48" s="914"/>
      <c r="H48" s="915"/>
    </row>
    <row r="49" spans="1:16" ht="15.75" customHeight="1">
      <c r="B49" s="550"/>
      <c r="C49" s="225"/>
      <c r="D49" s="353"/>
      <c r="E49" s="555"/>
      <c r="F49" s="556"/>
      <c r="G49" s="916"/>
      <c r="H49" s="917"/>
    </row>
    <row r="50" spans="1:16" ht="15.75" customHeight="1">
      <c r="B50" s="550"/>
      <c r="C50" s="303">
        <v>8</v>
      </c>
      <c r="D50" s="557" t="s">
        <v>1054</v>
      </c>
      <c r="E50" s="558"/>
      <c r="F50" s="178"/>
      <c r="G50" s="195"/>
      <c r="H50" s="100"/>
    </row>
    <row r="51" spans="1:16" ht="15.75" customHeight="1">
      <c r="B51" s="550"/>
      <c r="C51" s="196"/>
      <c r="D51" s="560"/>
      <c r="E51" s="86" t="s">
        <v>527</v>
      </c>
      <c r="F51" s="918">
        <v>1</v>
      </c>
      <c r="G51" s="920" t="s">
        <v>1107</v>
      </c>
      <c r="H51" s="876" t="s">
        <v>87</v>
      </c>
    </row>
    <row r="52" spans="1:16" ht="15.75" customHeight="1">
      <c r="B52" s="550"/>
      <c r="C52" s="196"/>
      <c r="D52" s="560"/>
      <c r="E52" s="531" t="s">
        <v>11</v>
      </c>
      <c r="F52" s="919"/>
      <c r="G52" s="921"/>
      <c r="H52" s="876"/>
    </row>
    <row r="53" spans="1:16" ht="27.75">
      <c r="B53" s="550"/>
      <c r="C53" s="196"/>
      <c r="D53" s="560"/>
      <c r="E53" s="561" t="s">
        <v>847</v>
      </c>
      <c r="F53" s="178">
        <v>2</v>
      </c>
      <c r="G53" s="363" t="s">
        <v>1108</v>
      </c>
      <c r="H53" s="559"/>
    </row>
    <row r="54" spans="1:16">
      <c r="B54" s="550"/>
      <c r="C54" s="562"/>
      <c r="D54" s="563"/>
      <c r="E54" s="564"/>
      <c r="F54" s="565"/>
      <c r="G54" s="566"/>
      <c r="H54" s="950"/>
    </row>
    <row r="55" spans="1:16" ht="15.75" customHeight="1">
      <c r="B55" s="550"/>
      <c r="G55" s="535"/>
      <c r="H55" s="535"/>
    </row>
    <row r="56" spans="1:16" ht="20.25">
      <c r="B56" s="511" t="s">
        <v>856</v>
      </c>
      <c r="C56" s="518"/>
      <c r="D56" s="519"/>
      <c r="E56" s="520"/>
      <c r="F56" s="521"/>
      <c r="G56" s="522"/>
      <c r="H56" s="519"/>
      <c r="P56" s="511"/>
    </row>
    <row r="57" spans="1:16" ht="20.25">
      <c r="A57" s="523"/>
      <c r="B57" s="523" t="s">
        <v>857</v>
      </c>
      <c r="C57" s="518"/>
      <c r="D57" s="519"/>
      <c r="E57" s="520"/>
      <c r="F57" s="521"/>
      <c r="G57" s="522"/>
      <c r="H57" s="519"/>
    </row>
    <row r="58" spans="1:16" ht="31.5" customHeight="1" thickBot="1">
      <c r="B58" s="524"/>
      <c r="C58" s="890" t="s">
        <v>840</v>
      </c>
      <c r="D58" s="891"/>
      <c r="E58" s="892"/>
      <c r="F58" s="525" t="s">
        <v>13</v>
      </c>
      <c r="G58" s="930" t="s">
        <v>841</v>
      </c>
      <c r="H58" s="931"/>
      <c r="I58" s="528"/>
    </row>
    <row r="59" spans="1:16" ht="24" customHeight="1" thickTop="1">
      <c r="B59" s="550"/>
      <c r="C59" s="175">
        <v>9</v>
      </c>
      <c r="D59" s="176" t="s">
        <v>1055</v>
      </c>
      <c r="E59" s="179"/>
      <c r="F59" s="179"/>
      <c r="G59" s="179"/>
      <c r="H59" s="543"/>
    </row>
    <row r="60" spans="1:16" ht="16.5" customHeight="1">
      <c r="B60" s="550"/>
      <c r="C60" s="567"/>
      <c r="D60" s="568"/>
      <c r="E60" s="932" t="s">
        <v>1109</v>
      </c>
      <c r="F60" s="933"/>
      <c r="G60" s="933"/>
      <c r="H60" s="934"/>
    </row>
    <row r="61" spans="1:16">
      <c r="B61" s="550"/>
      <c r="C61" s="567"/>
      <c r="D61" s="568"/>
      <c r="E61" s="922"/>
      <c r="F61" s="923"/>
      <c r="G61" s="923"/>
      <c r="H61" s="924"/>
    </row>
    <row r="62" spans="1:16">
      <c r="B62" s="550"/>
      <c r="C62" s="567"/>
      <c r="D62" s="568"/>
      <c r="E62" s="925"/>
      <c r="F62" s="926"/>
      <c r="G62" s="926"/>
      <c r="H62" s="927"/>
    </row>
    <row r="63" spans="1:16">
      <c r="B63" s="550"/>
      <c r="C63" s="569"/>
      <c r="D63" s="570"/>
      <c r="E63" s="571"/>
      <c r="F63" s="572"/>
      <c r="G63" s="573"/>
      <c r="H63" s="574"/>
    </row>
    <row r="64" spans="1:16" ht="16.5" customHeight="1">
      <c r="B64" s="550"/>
      <c r="C64" s="175">
        <v>10</v>
      </c>
      <c r="D64" s="686" t="s">
        <v>1110</v>
      </c>
      <c r="E64" s="179"/>
      <c r="F64" s="179"/>
      <c r="G64" s="179"/>
      <c r="H64" s="543"/>
    </row>
    <row r="65" spans="1:16" ht="16.5" customHeight="1">
      <c r="B65" s="550"/>
      <c r="C65" s="181"/>
      <c r="D65" s="126" t="s">
        <v>858</v>
      </c>
      <c r="E65" s="514"/>
      <c r="F65" s="514"/>
      <c r="H65" s="576"/>
    </row>
    <row r="66" spans="1:16" ht="16.5" customHeight="1">
      <c r="B66" s="550"/>
      <c r="C66" s="567"/>
      <c r="D66" s="568"/>
      <c r="E66" s="932" t="s">
        <v>1109</v>
      </c>
      <c r="F66" s="933"/>
      <c r="G66" s="933"/>
      <c r="H66" s="934"/>
    </row>
    <row r="67" spans="1:16">
      <c r="B67" s="550"/>
      <c r="C67" s="567"/>
      <c r="D67" s="568"/>
      <c r="E67" s="922"/>
      <c r="F67" s="923"/>
      <c r="G67" s="923"/>
      <c r="H67" s="924"/>
    </row>
    <row r="68" spans="1:16">
      <c r="B68" s="550"/>
      <c r="C68" s="567"/>
      <c r="D68" s="568"/>
      <c r="E68" s="925"/>
      <c r="F68" s="926"/>
      <c r="G68" s="926"/>
      <c r="H68" s="927"/>
    </row>
    <row r="69" spans="1:16">
      <c r="B69" s="550"/>
      <c r="C69" s="569"/>
      <c r="D69" s="570"/>
      <c r="E69" s="571"/>
      <c r="F69" s="572"/>
      <c r="G69" s="573"/>
      <c r="H69" s="574"/>
    </row>
    <row r="70" spans="1:16">
      <c r="D70" s="535"/>
      <c r="E70" s="491"/>
      <c r="F70" s="491"/>
      <c r="G70" s="577"/>
      <c r="H70" s="578"/>
    </row>
    <row r="71" spans="1:16" ht="15">
      <c r="A71" s="928" t="s">
        <v>859</v>
      </c>
      <c r="B71" s="929"/>
      <c r="C71" s="929"/>
      <c r="D71" s="929"/>
      <c r="E71" s="929"/>
      <c r="F71" s="929"/>
      <c r="G71" s="929"/>
      <c r="H71" s="929"/>
      <c r="I71" s="929"/>
      <c r="J71" s="929"/>
      <c r="K71" s="929"/>
      <c r="L71" s="929"/>
      <c r="M71" s="929"/>
      <c r="N71" s="929"/>
      <c r="O71" s="929"/>
      <c r="P71" s="929"/>
    </row>
    <row r="72" spans="1:16">
      <c r="C72" s="241"/>
      <c r="D72" s="241"/>
      <c r="E72" s="241"/>
      <c r="F72" s="241"/>
      <c r="G72" s="241"/>
      <c r="H72" s="241"/>
    </row>
  </sheetData>
  <sheetProtection algorithmName="SHA-512" hashValue="guxdZH3EbbAFMHjkynylW3Pves4U+NjRph/Q6r+V+0SCllq2Xz4bfi92LTD2WoZYuYtJDtQS277Yyc6JgB0f4w==" saltValue="D3W5H0OqW3IgPRv4q1AgBA==" spinCount="100000" sheet="1" selectLockedCells="1"/>
  <mergeCells count="41">
    <mergeCell ref="E67:H67"/>
    <mergeCell ref="E68:H68"/>
    <mergeCell ref="A71:P71"/>
    <mergeCell ref="C58:E58"/>
    <mergeCell ref="G58:H58"/>
    <mergeCell ref="E60:H60"/>
    <mergeCell ref="E61:H61"/>
    <mergeCell ref="E62:H62"/>
    <mergeCell ref="E66:H66"/>
    <mergeCell ref="E46:H47"/>
    <mergeCell ref="E48:H48"/>
    <mergeCell ref="G49:H49"/>
    <mergeCell ref="F51:F52"/>
    <mergeCell ref="G51:G52"/>
    <mergeCell ref="H51:H52"/>
    <mergeCell ref="F38:F39"/>
    <mergeCell ref="G38:G39"/>
    <mergeCell ref="H38:H39"/>
    <mergeCell ref="F43:F44"/>
    <mergeCell ref="G43:G44"/>
    <mergeCell ref="H43:H44"/>
    <mergeCell ref="E32:E35"/>
    <mergeCell ref="F32:F35"/>
    <mergeCell ref="H32:H35"/>
    <mergeCell ref="D16:G16"/>
    <mergeCell ref="E17:E19"/>
    <mergeCell ref="H17:H18"/>
    <mergeCell ref="E20:E23"/>
    <mergeCell ref="F20:F23"/>
    <mergeCell ref="H20:H23"/>
    <mergeCell ref="D24:G24"/>
    <mergeCell ref="F25:F26"/>
    <mergeCell ref="G25:G26"/>
    <mergeCell ref="H25:H26"/>
    <mergeCell ref="E27:E28"/>
    <mergeCell ref="C5:E5"/>
    <mergeCell ref="H7:H8"/>
    <mergeCell ref="E9:E10"/>
    <mergeCell ref="F12:F13"/>
    <mergeCell ref="G12:G13"/>
    <mergeCell ref="H12:H13"/>
  </mergeCells>
  <phoneticPr fontId="7"/>
  <conditionalFormatting sqref="H7 H17">
    <cfRule type="cellIs" dxfId="17" priority="19" stopIfTrue="1" operator="equal">
      <formula>"X"</formula>
    </cfRule>
  </conditionalFormatting>
  <conditionalFormatting sqref="H9:H11 H14:H15">
    <cfRule type="cellIs" dxfId="16" priority="18" operator="equal">
      <formula>"X"</formula>
    </cfRule>
  </conditionalFormatting>
  <conditionalFormatting sqref="H20 H29">
    <cfRule type="cellIs" dxfId="15" priority="16" operator="equal">
      <formula>"X"</formula>
    </cfRule>
  </conditionalFormatting>
  <conditionalFormatting sqref="H12">
    <cfRule type="cellIs" dxfId="14" priority="17" stopIfTrue="1" operator="equal">
      <formula>"X"</formula>
    </cfRule>
  </conditionalFormatting>
  <conditionalFormatting sqref="H31">
    <cfRule type="cellIs" dxfId="13" priority="15" operator="equal">
      <formula>"X"</formula>
    </cfRule>
  </conditionalFormatting>
  <conditionalFormatting sqref="H32 H36">
    <cfRule type="cellIs" dxfId="12" priority="14" operator="equal">
      <formula>"X"</formula>
    </cfRule>
  </conditionalFormatting>
  <conditionalFormatting sqref="H42">
    <cfRule type="cellIs" dxfId="11" priority="13" operator="equal">
      <formula>"X"</formula>
    </cfRule>
  </conditionalFormatting>
  <conditionalFormatting sqref="H45">
    <cfRule type="cellIs" dxfId="10" priority="12" operator="equal">
      <formula>"X"</formula>
    </cfRule>
  </conditionalFormatting>
  <conditionalFormatting sqref="H43">
    <cfRule type="cellIs" dxfId="9" priority="11" stopIfTrue="1" operator="equal">
      <formula>"X"</formula>
    </cfRule>
  </conditionalFormatting>
  <conditionalFormatting sqref="H69">
    <cfRule type="cellIs" dxfId="8" priority="10" operator="equal">
      <formula>"X"</formula>
    </cfRule>
  </conditionalFormatting>
  <conditionalFormatting sqref="H37 H40:H41">
    <cfRule type="cellIs" dxfId="7" priority="9" operator="equal">
      <formula>"X"</formula>
    </cfRule>
  </conditionalFormatting>
  <conditionalFormatting sqref="H38">
    <cfRule type="cellIs" dxfId="6" priority="8" stopIfTrue="1" operator="equal">
      <formula>"X"</formula>
    </cfRule>
  </conditionalFormatting>
  <conditionalFormatting sqref="H63">
    <cfRule type="cellIs" dxfId="5" priority="7" operator="equal">
      <formula>"X"</formula>
    </cfRule>
  </conditionalFormatting>
  <conditionalFormatting sqref="H24 H27:H28">
    <cfRule type="cellIs" dxfId="4" priority="6" operator="equal">
      <formula>"X"</formula>
    </cfRule>
  </conditionalFormatting>
  <conditionalFormatting sqref="H25">
    <cfRule type="cellIs" dxfId="3" priority="5" stopIfTrue="1" operator="equal">
      <formula>"X"</formula>
    </cfRule>
  </conditionalFormatting>
  <conditionalFormatting sqref="H50 H53:H54">
    <cfRule type="cellIs" dxfId="2" priority="4" operator="equal">
      <formula>"X"</formula>
    </cfRule>
  </conditionalFormatting>
  <conditionalFormatting sqref="H51">
    <cfRule type="cellIs" dxfId="1" priority="3" stopIfTrue="1" operator="equal">
      <formula>"X"</formula>
    </cfRule>
  </conditionalFormatting>
  <conditionalFormatting sqref="H19">
    <cfRule type="cellIs" dxfId="0" priority="1" operator="equal">
      <formula>"X"</formula>
    </cfRule>
  </conditionalFormatting>
  <dataValidations count="1">
    <dataValidation type="list" allowBlank="1" showInputMessage="1" showErrorMessage="1" sqref="H17 H7 H9:H12 H14:H15 H63 H31:H32 H20 H45 H69 H37:H38 H40:H43 H24:H25 H27:H29 H50:H51 H53:H54 H19" xr:uid="{E8588274-ABAE-425B-9B2E-F7DF0C1C6FCE}">
      <formula1>"　,X"</formula1>
    </dataValidation>
  </dataValidations>
  <printOptions horizontalCentered="1"/>
  <pageMargins left="0.39370078740157483" right="0.19685039370078741" top="0.39370078740157483" bottom="0.43307086614173229" header="0.19685039370078741" footer="0.23622047244094491"/>
  <pageSetup paperSize="9" scale="61" orientation="portrait" r:id="rId1"/>
  <headerFooter alignWithMargins="0">
    <oddFooter>&amp;LD(appendix). Part 2&amp;RV.15.0 (revised on Oct. 2023)</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7</vt:i4>
      </vt:variant>
    </vt:vector>
  </HeadingPairs>
  <TitlesOfParts>
    <vt:vector size="28" baseType="lpstr">
      <vt:lpstr>Note (Japanese)</vt:lpstr>
      <vt:lpstr>Note (English)</vt:lpstr>
      <vt:lpstr>A.RoHS</vt:lpstr>
      <vt:lpstr>B.Others</vt:lpstr>
      <vt:lpstr>C.Candidate</vt:lpstr>
      <vt:lpstr>D.Part 2 </vt:lpstr>
      <vt:lpstr>A (appendix).RoHS</vt:lpstr>
      <vt:lpstr>B (appendix).Others</vt:lpstr>
      <vt:lpstr>D (appendix).Part 2</vt:lpstr>
      <vt:lpstr>Revision Point</vt:lpstr>
      <vt:lpstr>Reference Reg.</vt:lpstr>
      <vt:lpstr>'A (appendix).RoHS'!Print_Area</vt:lpstr>
      <vt:lpstr>A.RoHS!Print_Area</vt:lpstr>
      <vt:lpstr>'B (appendix).Others'!Print_Area</vt:lpstr>
      <vt:lpstr>B.Others!Print_Area</vt:lpstr>
      <vt:lpstr>C.Candidate!Print_Area</vt:lpstr>
      <vt:lpstr>'D (appendix).Part 2'!Print_Area</vt:lpstr>
      <vt:lpstr>'D.Part 2 '!Print_Area</vt:lpstr>
      <vt:lpstr>'Note (English)'!Print_Area</vt:lpstr>
      <vt:lpstr>'Note (Japanese)'!Print_Area</vt:lpstr>
      <vt:lpstr>'Reference Reg.'!Print_Area</vt:lpstr>
      <vt:lpstr>'Revision Point'!Print_Area</vt:lpstr>
      <vt:lpstr>'A (appendix).RoHS'!Print_Titles</vt:lpstr>
      <vt:lpstr>A.RoHS!Print_Titles</vt:lpstr>
      <vt:lpstr>'B (appendix).Others'!Print_Titles</vt:lpstr>
      <vt:lpstr>B.Others!Print_Titles</vt:lpstr>
      <vt:lpstr>C.Candidate!Print_Titles</vt:lpstr>
      <vt:lpstr>'D (appendix).Part 2'!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田剛郎/主事</dc:creator>
  <cp:lastModifiedBy>沖田剛志/主任</cp:lastModifiedBy>
  <cp:lastPrinted>2023-10-10T01:21:47Z</cp:lastPrinted>
  <dcterms:created xsi:type="dcterms:W3CDTF">2014-03-28T07:32:07Z</dcterms:created>
  <dcterms:modified xsi:type="dcterms:W3CDTF">2023-10-10T01:22:32Z</dcterms:modified>
</cp:coreProperties>
</file>